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kfs01\s1385\group\g1385002\13 統計\02 事業状況\R01年度作成分\☆HP原稿\02_項目別（統計以降）（Excel）\02_指標\"/>
    </mc:Choice>
  </mc:AlternateContent>
  <bookViews>
    <workbookView xWindow="0" yWindow="0" windowWidth="13824" windowHeight="5724"/>
  </bookViews>
  <sheets>
    <sheet name="一人当たりの保健事業の推移" sheetId="1" r:id="rId1"/>
    <sheet name="一人当たり一般会計繰入金（その他）の推移" sheetId="2" r:id="rId2"/>
  </sheets>
  <definedNames>
    <definedName name="_Fill" hidden="1">#REF!</definedName>
    <definedName name="_Key1" hidden="1">#REF!</definedName>
    <definedName name="_Order1" hidden="1">0</definedName>
    <definedName name="\a">#REF!</definedName>
    <definedName name="\b">#REF!</definedName>
    <definedName name="_xlnm.Print_Area" localSheetId="0">一人当たりの保健事業の推移!$A$1:$Q$51</definedName>
    <definedName name="_xlnm.Print_Area" localSheetId="1">'一人当たり一般会計繰入金（その他）の推移'!$A$1:$Q$45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296" uniqueCount="77">
  <si>
    <t>４.財政（１）　一人当たり保健事業費の推移</t>
    <phoneticPr fontId="4"/>
  </si>
  <si>
    <t>保険者名</t>
  </si>
  <si>
    <t>27年度</t>
    <phoneticPr fontId="4"/>
  </si>
  <si>
    <t>28年度</t>
    <phoneticPr fontId="4"/>
  </si>
  <si>
    <t>29年度</t>
    <phoneticPr fontId="4"/>
  </si>
  <si>
    <t>30年度</t>
    <phoneticPr fontId="4"/>
  </si>
  <si>
    <t>元年度</t>
    <rPh sb="0" eb="1">
      <t>ガン</t>
    </rPh>
    <phoneticPr fontId="4"/>
  </si>
  <si>
    <t>金額</t>
  </si>
  <si>
    <t>順</t>
  </si>
  <si>
    <t>26→27</t>
    <phoneticPr fontId="4"/>
  </si>
  <si>
    <t>27→28</t>
    <phoneticPr fontId="4"/>
  </si>
  <si>
    <t>28→29</t>
  </si>
  <si>
    <t>29→30</t>
    <phoneticPr fontId="4"/>
  </si>
  <si>
    <t>30→元</t>
    <rPh sb="3" eb="4">
      <t>ガン</t>
    </rPh>
    <phoneticPr fontId="4"/>
  </si>
  <si>
    <t>（円）</t>
  </si>
  <si>
    <t>伸率%</t>
  </si>
  <si>
    <t>位</t>
    <phoneticPr fontId="4"/>
  </si>
  <si>
    <t>位</t>
  </si>
  <si>
    <t xml:space="preserve"> 横浜市</t>
  </si>
  <si>
    <t xml:space="preserve"> 川崎市</t>
  </si>
  <si>
    <t xml:space="preserve"> 横須賀市</t>
  </si>
  <si>
    <t xml:space="preserve"> 平塚市</t>
  </si>
  <si>
    <t xml:space="preserve"> 鎌倉市</t>
  </si>
  <si>
    <t xml:space="preserve"> 藤沢市</t>
  </si>
  <si>
    <t xml:space="preserve"> 小田原市</t>
  </si>
  <si>
    <t xml:space="preserve"> 茅ヶ崎市</t>
  </si>
  <si>
    <t xml:space="preserve"> 逗子市</t>
  </si>
  <si>
    <t xml:space="preserve"> 相模原市</t>
  </si>
  <si>
    <t xml:space="preserve"> 三浦市</t>
  </si>
  <si>
    <t xml:space="preserve"> 秦野市</t>
  </si>
  <si>
    <t xml:space="preserve"> 厚木市</t>
  </si>
  <si>
    <t xml:space="preserve"> 大和市</t>
  </si>
  <si>
    <t xml:space="preserve"> 伊勢原市</t>
  </si>
  <si>
    <t xml:space="preserve"> 海老名市</t>
  </si>
  <si>
    <t xml:space="preserve"> 座間市</t>
  </si>
  <si>
    <t xml:space="preserve"> 南足柄市</t>
  </si>
  <si>
    <t xml:space="preserve"> 葉山町</t>
  </si>
  <si>
    <t xml:space="preserve"> 寒川町</t>
  </si>
  <si>
    <t xml:space="preserve"> 綾瀬市</t>
  </si>
  <si>
    <t xml:space="preserve"> 大磯町</t>
  </si>
  <si>
    <t xml:space="preserve"> 二宮町</t>
  </si>
  <si>
    <t xml:space="preserve"> 中井町</t>
  </si>
  <si>
    <t xml:space="preserve"> 大井町</t>
  </si>
  <si>
    <t xml:space="preserve"> 松田町</t>
  </si>
  <si>
    <t xml:space="preserve"> 山北町</t>
  </si>
  <si>
    <t xml:space="preserve"> 開成町</t>
  </si>
  <si>
    <t xml:space="preserve"> 箱根町</t>
  </si>
  <si>
    <t>－</t>
  </si>
  <si>
    <t xml:space="preserve"> 真鶴町</t>
  </si>
  <si>
    <t xml:space="preserve"> 湯河原町</t>
  </si>
  <si>
    <t xml:space="preserve"> 愛川町</t>
  </si>
  <si>
    <t xml:space="preserve"> 清川村</t>
  </si>
  <si>
    <t xml:space="preserve"> 城山町</t>
  </si>
  <si>
    <t>－</t>
    <phoneticPr fontId="4"/>
  </si>
  <si>
    <t xml:space="preserve"> 津久井町</t>
  </si>
  <si>
    <t xml:space="preserve"> 相模湖町</t>
  </si>
  <si>
    <t xml:space="preserve"> 藤野町</t>
  </si>
  <si>
    <t xml:space="preserve"> 医師</t>
  </si>
  <si>
    <t xml:space="preserve"> 歯科医師</t>
  </si>
  <si>
    <t xml:space="preserve"> 食品衛生</t>
  </si>
  <si>
    <t xml:space="preserve"> 薬剤師</t>
  </si>
  <si>
    <t xml:space="preserve"> 建設業</t>
  </si>
  <si>
    <t xml:space="preserve"> 建設連合</t>
  </si>
  <si>
    <t>市町村平均</t>
    <phoneticPr fontId="9"/>
  </si>
  <si>
    <t>組 合 平 均</t>
    <phoneticPr fontId="4"/>
  </si>
  <si>
    <t>県    平    均</t>
    <phoneticPr fontId="4"/>
  </si>
  <si>
    <t>４.財政（２）　一人当たり一般会計繰入金（その他）の推移</t>
    <phoneticPr fontId="4"/>
  </si>
  <si>
    <t>繰入額</t>
  </si>
  <si>
    <t>26→27</t>
    <phoneticPr fontId="4"/>
  </si>
  <si>
    <t>27→28</t>
    <phoneticPr fontId="4"/>
  </si>
  <si>
    <t>29→30</t>
    <phoneticPr fontId="4"/>
  </si>
  <si>
    <t>位</t>
    <phoneticPr fontId="4"/>
  </si>
  <si>
    <t>－</t>
    <phoneticPr fontId="4"/>
  </si>
  <si>
    <t>-</t>
  </si>
  <si>
    <t>市    平    均</t>
    <rPh sb="5" eb="6">
      <t>ヒラ</t>
    </rPh>
    <rPh sb="10" eb="11">
      <t>ヒトシ</t>
    </rPh>
    <phoneticPr fontId="4"/>
  </si>
  <si>
    <t>町 村 平 均</t>
    <rPh sb="0" eb="1">
      <t>マチ</t>
    </rPh>
    <rPh sb="2" eb="3">
      <t>ムラ</t>
    </rPh>
    <rPh sb="4" eb="5">
      <t>ヒラ</t>
    </rPh>
    <rPh sb="6" eb="7">
      <t>ヒトシ</t>
    </rPh>
    <phoneticPr fontId="11"/>
  </si>
  <si>
    <t>市町村平均</t>
    <rPh sb="0" eb="3">
      <t>シチョウソン</t>
    </rPh>
    <rPh sb="3" eb="5">
      <t>ヘイキン</t>
    </rPh>
    <phoneticPr fontId="1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1">
    <numFmt numFmtId="176" formatCode="#,##0_);[Red]\(#,##0\)"/>
  </numFmts>
  <fonts count="12" x14ac:knownFonts="1">
    <font>
      <sz val="11"/>
      <name val="ＭＳ 明朝"/>
      <family val="1"/>
      <charset val="128"/>
    </font>
    <font>
      <sz val="11"/>
      <name val="ＭＳ 明朝"/>
      <family val="1"/>
      <charset val="128"/>
    </font>
    <font>
      <sz val="11"/>
      <name val="ＭＳ Ｐゴシック"/>
      <family val="3"/>
      <charset val="128"/>
    </font>
    <font>
      <sz val="6"/>
      <name val="ＭＳ 明朝"/>
      <family val="2"/>
      <charset val="128"/>
    </font>
    <font>
      <sz val="6"/>
      <name val="ＭＳ Ｐ明朝"/>
      <family val="1"/>
      <charset val="128"/>
    </font>
    <font>
      <sz val="9"/>
      <name val="ＭＳ Ｐゴシック"/>
      <family val="3"/>
      <charset val="128"/>
    </font>
    <font>
      <sz val="8"/>
      <color indexed="12"/>
      <name val="ＭＳ Ｐゴシック"/>
      <family val="3"/>
      <charset val="128"/>
    </font>
    <font>
      <sz val="9"/>
      <color indexed="10"/>
      <name val="ＭＳ Ｐゴシック"/>
      <family val="3"/>
      <charset val="128"/>
    </font>
    <font>
      <sz val="9"/>
      <name val="ＭＳ ゴシック"/>
      <family val="3"/>
      <charset val="128"/>
    </font>
    <font>
      <sz val="6"/>
      <name val="ＭＳ 明朝"/>
      <family val="1"/>
      <charset val="128"/>
    </font>
    <font>
      <sz val="9"/>
      <color indexed="8"/>
      <name val="ＭＳ Ｐゴシック"/>
      <family val="3"/>
      <charset val="128"/>
    </font>
    <font>
      <sz val="14"/>
      <name val="ＭＳ ゴシック"/>
      <family val="3"/>
      <charset val="128"/>
    </font>
  </fonts>
  <fills count="2">
    <fill>
      <patternFill patternType="none"/>
    </fill>
    <fill>
      <patternFill patternType="gray125"/>
    </fill>
  </fills>
  <borders count="85">
    <border>
      <left/>
      <right/>
      <top/>
      <bottom/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/>
      <top style="medium">
        <color indexed="64"/>
      </top>
      <bottom style="thin">
        <color indexed="64"/>
      </bottom>
      <diagonal/>
    </border>
    <border>
      <left/>
      <right/>
      <top style="medium">
        <color indexed="64"/>
      </top>
      <bottom style="thin">
        <color indexed="64"/>
      </bottom>
      <diagonal/>
    </border>
    <border>
      <left/>
      <right style="thin">
        <color indexed="64"/>
      </right>
      <top style="medium">
        <color indexed="64"/>
      </top>
      <bottom style="thin">
        <color indexed="64"/>
      </bottom>
      <diagonal/>
    </border>
    <border>
      <left/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 style="hair">
        <color indexed="64"/>
      </left>
      <right/>
      <top/>
      <bottom/>
      <diagonal/>
    </border>
    <border>
      <left style="hair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hair">
        <color indexed="64"/>
      </right>
      <top style="thin">
        <color indexed="64"/>
      </top>
      <bottom/>
      <diagonal/>
    </border>
    <border>
      <left style="hair">
        <color indexed="64"/>
      </left>
      <right style="thin">
        <color indexed="64"/>
      </right>
      <top/>
      <bottom/>
      <diagonal/>
    </border>
    <border>
      <left style="hair">
        <color indexed="64"/>
      </left>
      <right style="hair">
        <color indexed="64"/>
      </right>
      <top style="thin">
        <color indexed="64"/>
      </top>
      <bottom/>
      <diagonal/>
    </border>
    <border>
      <left/>
      <right style="hair">
        <color indexed="64"/>
      </right>
      <top style="thin">
        <color indexed="64"/>
      </top>
      <bottom/>
      <diagonal/>
    </border>
    <border>
      <left style="hair">
        <color indexed="64"/>
      </left>
      <right style="medium">
        <color indexed="64"/>
      </right>
      <top/>
      <bottom/>
      <diagonal/>
    </border>
    <border>
      <left style="medium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hair">
        <color indexed="64"/>
      </right>
      <top/>
      <bottom style="thin">
        <color indexed="64"/>
      </bottom>
      <diagonal/>
    </border>
    <border>
      <left style="hair">
        <color indexed="64"/>
      </left>
      <right/>
      <top/>
      <bottom style="thin">
        <color indexed="64"/>
      </bottom>
      <diagonal/>
    </border>
    <border>
      <left style="hair">
        <color indexed="64"/>
      </left>
      <right style="thin">
        <color indexed="64"/>
      </right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 style="hair">
        <color indexed="64"/>
      </left>
      <right style="hair">
        <color indexed="64"/>
      </right>
      <top/>
      <bottom style="thin">
        <color indexed="64"/>
      </bottom>
      <diagonal/>
    </border>
    <border>
      <left style="hair">
        <color indexed="64"/>
      </left>
      <right style="medium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/>
      <top style="thin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/>
      <top style="double">
        <color indexed="64"/>
      </top>
      <bottom style="thin">
        <color indexed="64"/>
      </bottom>
      <diagonal/>
    </border>
    <border>
      <left/>
      <right/>
      <top style="thin">
        <color indexed="64"/>
      </top>
      <bottom/>
      <diagonal/>
    </border>
    <border>
      <left style="medium">
        <color indexed="64"/>
      </left>
      <right/>
      <top/>
      <bottom style="double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double">
        <color indexed="64"/>
      </bottom>
      <diagonal/>
    </border>
    <border>
      <left/>
      <right/>
      <top/>
      <bottom style="double">
        <color indexed="64"/>
      </bottom>
      <diagonal/>
    </border>
    <border>
      <left style="hair">
        <color indexed="64"/>
      </left>
      <right/>
      <top style="thin">
        <color indexed="64"/>
      </top>
      <bottom style="double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double">
        <color indexed="64"/>
      </bottom>
      <diagonal/>
    </border>
    <border>
      <left/>
      <right/>
      <top style="thin">
        <color indexed="64"/>
      </top>
      <bottom style="double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double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double">
        <color indexed="64"/>
      </bottom>
      <diagonal/>
    </border>
    <border>
      <left/>
      <right style="thin">
        <color indexed="64"/>
      </right>
      <top style="thin">
        <color indexed="64"/>
      </top>
      <bottom style="double">
        <color indexed="64"/>
      </bottom>
      <diagonal/>
    </border>
    <border>
      <left style="hair">
        <color indexed="64"/>
      </left>
      <right style="medium">
        <color indexed="64"/>
      </right>
      <top style="thin">
        <color indexed="64"/>
      </top>
      <bottom style="double">
        <color indexed="64"/>
      </bottom>
      <diagonal/>
    </border>
    <border>
      <left style="medium">
        <color indexed="64"/>
      </left>
      <right/>
      <top style="double">
        <color indexed="64"/>
      </top>
      <bottom style="double">
        <color indexed="64"/>
      </bottom>
      <diagonal/>
    </border>
    <border>
      <left style="thin">
        <color indexed="64"/>
      </left>
      <right style="thin">
        <color indexed="64"/>
      </right>
      <top style="double">
        <color indexed="64"/>
      </top>
      <bottom style="double">
        <color indexed="64"/>
      </bottom>
      <diagonal/>
    </border>
    <border>
      <left/>
      <right/>
      <top style="double">
        <color indexed="64"/>
      </top>
      <bottom style="double">
        <color indexed="64"/>
      </bottom>
      <diagonal/>
    </border>
    <border>
      <left style="hair">
        <color indexed="64"/>
      </left>
      <right style="thin">
        <color indexed="64"/>
      </right>
      <top style="double">
        <color indexed="64"/>
      </top>
      <bottom style="double">
        <color indexed="64"/>
      </bottom>
      <diagonal/>
    </border>
    <border>
      <left style="thin">
        <color indexed="64"/>
      </left>
      <right style="hair">
        <color indexed="64"/>
      </right>
      <top style="double">
        <color indexed="64"/>
      </top>
      <bottom style="double">
        <color indexed="64"/>
      </bottom>
      <diagonal/>
    </border>
    <border>
      <left style="hair">
        <color indexed="64"/>
      </left>
      <right style="hair">
        <color indexed="64"/>
      </right>
      <top style="double">
        <color indexed="64"/>
      </top>
      <bottom style="double">
        <color indexed="64"/>
      </bottom>
      <diagonal/>
    </border>
    <border>
      <left/>
      <right style="thin">
        <color indexed="64"/>
      </right>
      <top style="double">
        <color indexed="64"/>
      </top>
      <bottom style="double">
        <color indexed="64"/>
      </bottom>
      <diagonal/>
    </border>
    <border>
      <left style="hair">
        <color indexed="64"/>
      </left>
      <right style="medium">
        <color indexed="64"/>
      </right>
      <top style="double">
        <color indexed="64"/>
      </top>
      <bottom style="double">
        <color indexed="64"/>
      </bottom>
      <diagonal/>
    </border>
    <border>
      <left style="medium">
        <color indexed="64"/>
      </left>
      <right/>
      <top style="double">
        <color indexed="64"/>
      </top>
      <bottom/>
      <diagonal/>
    </border>
    <border>
      <left style="thin">
        <color indexed="64"/>
      </left>
      <right style="thin">
        <color indexed="64"/>
      </right>
      <top style="double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double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double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double">
        <color indexed="64"/>
      </top>
      <bottom style="thin">
        <color indexed="64"/>
      </bottom>
      <diagonal/>
    </border>
    <border>
      <left/>
      <right/>
      <top style="double">
        <color indexed="64"/>
      </top>
      <bottom style="thin">
        <color indexed="64"/>
      </bottom>
      <diagonal/>
    </border>
    <border>
      <left/>
      <right style="thin">
        <color indexed="64"/>
      </right>
      <top style="double">
        <color indexed="64"/>
      </top>
      <bottom style="thin">
        <color indexed="64"/>
      </bottom>
      <diagonal/>
    </border>
    <border>
      <left style="hair">
        <color indexed="64"/>
      </left>
      <right style="medium">
        <color indexed="64"/>
      </right>
      <top style="double">
        <color indexed="64"/>
      </top>
      <bottom style="thin">
        <color indexed="64"/>
      </bottom>
      <diagonal/>
    </border>
    <border>
      <left style="hair">
        <color indexed="64"/>
      </left>
      <right/>
      <top style="thin">
        <color indexed="64"/>
      </top>
      <bottom/>
      <diagonal/>
    </border>
    <border>
      <left style="thin">
        <color indexed="64"/>
      </left>
      <right style="hair">
        <color indexed="64"/>
      </right>
      <top/>
      <bottom style="double">
        <color indexed="64"/>
      </bottom>
      <diagonal/>
    </border>
    <border>
      <left style="hair">
        <color indexed="64"/>
      </left>
      <right style="thin">
        <color indexed="64"/>
      </right>
      <top/>
      <bottom style="double">
        <color indexed="64"/>
      </bottom>
      <diagonal/>
    </border>
    <border>
      <left style="hair">
        <color indexed="64"/>
      </left>
      <right style="hair">
        <color indexed="64"/>
      </right>
      <top/>
      <bottom style="double">
        <color indexed="64"/>
      </bottom>
      <diagonal/>
    </border>
    <border>
      <left/>
      <right style="thin">
        <color indexed="64"/>
      </right>
      <top/>
      <bottom style="double">
        <color indexed="64"/>
      </bottom>
      <diagonal/>
    </border>
    <border>
      <left style="hair">
        <color indexed="64"/>
      </left>
      <right style="medium">
        <color indexed="64"/>
      </right>
      <top/>
      <bottom style="double">
        <color indexed="64"/>
      </bottom>
      <diagonal/>
    </border>
    <border>
      <left style="medium">
        <color indexed="64"/>
      </left>
      <right/>
      <top style="double">
        <color indexed="64"/>
      </top>
      <bottom style="medium">
        <color indexed="64"/>
      </bottom>
      <diagonal/>
    </border>
    <border>
      <left/>
      <right style="thin">
        <color indexed="64"/>
      </right>
      <top style="double">
        <color indexed="64"/>
      </top>
      <bottom style="medium">
        <color indexed="64"/>
      </bottom>
      <diagonal/>
    </border>
    <border>
      <left/>
      <right/>
      <top style="double">
        <color indexed="64"/>
      </top>
      <bottom style="medium">
        <color indexed="64"/>
      </bottom>
      <diagonal/>
    </border>
    <border>
      <left style="hair">
        <color indexed="64"/>
      </left>
      <right style="thin">
        <color indexed="64"/>
      </right>
      <top style="double">
        <color indexed="64"/>
      </top>
      <bottom style="medium">
        <color indexed="64"/>
      </bottom>
      <diagonal/>
    </border>
    <border>
      <left style="hair">
        <color indexed="64"/>
      </left>
      <right style="hair">
        <color indexed="64"/>
      </right>
      <top style="double">
        <color indexed="64"/>
      </top>
      <bottom style="medium">
        <color indexed="64"/>
      </bottom>
      <diagonal/>
    </border>
    <border>
      <left style="thin">
        <color indexed="64"/>
      </left>
      <right style="hair">
        <color indexed="64"/>
      </right>
      <top style="double">
        <color indexed="64"/>
      </top>
      <bottom style="medium">
        <color indexed="64"/>
      </bottom>
      <diagonal/>
    </border>
    <border>
      <left style="hair">
        <color indexed="64"/>
      </left>
      <right style="medium">
        <color indexed="64"/>
      </right>
      <top style="double">
        <color indexed="64"/>
      </top>
      <bottom style="medium">
        <color indexed="64"/>
      </bottom>
      <diagonal/>
    </border>
    <border>
      <left/>
      <right/>
      <top style="medium">
        <color indexed="64"/>
      </top>
      <bottom/>
      <diagonal/>
    </border>
    <border>
      <left/>
      <right style="hair">
        <color indexed="64"/>
      </right>
      <top/>
      <bottom style="thin">
        <color indexed="64"/>
      </bottom>
      <diagonal/>
    </border>
    <border>
      <left style="medium">
        <color indexed="64"/>
      </left>
      <right style="thin">
        <color indexed="64"/>
      </right>
      <top/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hair">
        <color indexed="64"/>
      </left>
      <right style="medium">
        <color indexed="64"/>
      </right>
      <top style="thin">
        <color indexed="64"/>
      </top>
      <bottom/>
      <diagonal/>
    </border>
    <border>
      <left/>
      <right/>
      <top/>
      <bottom style="medium">
        <color indexed="64"/>
      </bottom>
      <diagonal/>
    </border>
    <border>
      <left style="thin">
        <color indexed="64"/>
      </left>
      <right style="hair">
        <color indexed="64"/>
      </right>
      <top/>
      <bottom style="medium">
        <color indexed="64"/>
      </bottom>
      <diagonal/>
    </border>
    <border>
      <left style="hair">
        <color indexed="64"/>
      </left>
      <right style="thin">
        <color indexed="64"/>
      </right>
      <top/>
      <bottom style="medium">
        <color indexed="64"/>
      </bottom>
      <diagonal/>
    </border>
    <border>
      <left style="hair">
        <color indexed="64"/>
      </left>
      <right style="hair">
        <color indexed="64"/>
      </right>
      <top/>
      <bottom style="medium">
        <color indexed="64"/>
      </bottom>
      <diagonal/>
    </border>
    <border>
      <left/>
      <right style="thin">
        <color indexed="64"/>
      </right>
      <top/>
      <bottom style="medium">
        <color indexed="64"/>
      </bottom>
      <diagonal/>
    </border>
    <border>
      <left style="hair">
        <color indexed="64"/>
      </left>
      <right style="medium">
        <color indexed="64"/>
      </right>
      <top/>
      <bottom style="medium">
        <color indexed="64"/>
      </bottom>
      <diagonal/>
    </border>
  </borders>
  <cellStyleXfs count="3">
    <xf numFmtId="0" fontId="0" fillId="0" borderId="0"/>
    <xf numFmtId="38" fontId="1" fillId="0" borderId="0" applyFont="0" applyFill="0" applyBorder="0" applyAlignment="0" applyProtection="0"/>
    <xf numFmtId="38" fontId="1" fillId="0" borderId="0" applyFont="0" applyFill="0" applyBorder="0" applyAlignment="0" applyProtection="0"/>
  </cellStyleXfs>
  <cellXfs count="270">
    <xf numFmtId="0" fontId="0" fillId="0" borderId="0" xfId="0"/>
    <xf numFmtId="49" fontId="2" fillId="0" borderId="0" xfId="1" applyNumberFormat="1" applyFont="1"/>
    <xf numFmtId="38" fontId="5" fillId="0" borderId="0" xfId="1" applyFont="1"/>
    <xf numFmtId="38" fontId="6" fillId="0" borderId="0" xfId="1" quotePrefix="1" applyFont="1"/>
    <xf numFmtId="38" fontId="7" fillId="0" borderId="0" xfId="1" applyFont="1" applyBorder="1" applyAlignment="1">
      <alignment horizontal="center"/>
    </xf>
    <xf numFmtId="38" fontId="5" fillId="0" borderId="0" xfId="1" applyFont="1" applyAlignment="1">
      <alignment vertical="center"/>
    </xf>
    <xf numFmtId="38" fontId="5" fillId="0" borderId="10" xfId="1" quotePrefix="1" applyFont="1" applyBorder="1" applyAlignment="1">
      <alignment horizontal="center"/>
    </xf>
    <xf numFmtId="38" fontId="5" fillId="0" borderId="9" xfId="1" applyFont="1" applyBorder="1" applyAlignment="1">
      <alignment horizontal="center"/>
    </xf>
    <xf numFmtId="38" fontId="5" fillId="0" borderId="12" xfId="1" quotePrefix="1" applyFont="1" applyBorder="1" applyAlignment="1">
      <alignment horizontal="center"/>
    </xf>
    <xf numFmtId="38" fontId="5" fillId="0" borderId="11" xfId="1" applyFont="1" applyBorder="1" applyAlignment="1">
      <alignment horizontal="center"/>
    </xf>
    <xf numFmtId="38" fontId="5" fillId="0" borderId="13" xfId="1" quotePrefix="1" applyFont="1" applyBorder="1" applyAlignment="1">
      <alignment horizontal="center"/>
    </xf>
    <xf numFmtId="38" fontId="5" fillId="0" borderId="11" xfId="1" quotePrefix="1" applyFont="1" applyBorder="1" applyAlignment="1">
      <alignment horizontal="center"/>
    </xf>
    <xf numFmtId="38" fontId="5" fillId="0" borderId="14" xfId="1" applyFont="1" applyBorder="1" applyAlignment="1">
      <alignment horizontal="center"/>
    </xf>
    <xf numFmtId="38" fontId="5" fillId="0" borderId="15" xfId="1" quotePrefix="1" applyFont="1" applyBorder="1" applyAlignment="1">
      <alignment horizontal="center"/>
    </xf>
    <xf numFmtId="38" fontId="5" fillId="0" borderId="18" xfId="1" applyFont="1" applyBorder="1" applyAlignment="1">
      <alignment horizontal="center"/>
    </xf>
    <xf numFmtId="38" fontId="5" fillId="0" borderId="19" xfId="1" applyFont="1" applyBorder="1" applyAlignment="1">
      <alignment horizontal="center"/>
    </xf>
    <xf numFmtId="38" fontId="5" fillId="0" borderId="20" xfId="1" applyFont="1" applyBorder="1" applyAlignment="1">
      <alignment horizontal="center"/>
    </xf>
    <xf numFmtId="38" fontId="5" fillId="0" borderId="22" xfId="1" applyFont="1" applyBorder="1" applyAlignment="1">
      <alignment horizontal="center"/>
    </xf>
    <xf numFmtId="38" fontId="5" fillId="0" borderId="17" xfId="1" applyFont="1" applyBorder="1" applyAlignment="1">
      <alignment horizontal="center"/>
    </xf>
    <xf numFmtId="38" fontId="5" fillId="0" borderId="23" xfId="1" applyFont="1" applyBorder="1" applyAlignment="1">
      <alignment horizontal="center"/>
    </xf>
    <xf numFmtId="38" fontId="5" fillId="0" borderId="7" xfId="1" applyFont="1" applyBorder="1"/>
    <xf numFmtId="38" fontId="5" fillId="0" borderId="25" xfId="1" applyFont="1" applyFill="1" applyBorder="1"/>
    <xf numFmtId="38" fontId="5" fillId="0" borderId="28" xfId="1" applyFont="1" applyFill="1" applyBorder="1"/>
    <xf numFmtId="38" fontId="5" fillId="0" borderId="28" xfId="2" applyNumberFormat="1" applyFont="1" applyFill="1" applyBorder="1"/>
    <xf numFmtId="38" fontId="5" fillId="0" borderId="27" xfId="2" applyNumberFormat="1" applyFont="1" applyFill="1" applyBorder="1"/>
    <xf numFmtId="4" fontId="5" fillId="0" borderId="26" xfId="2" applyNumberFormat="1" applyFont="1" applyFill="1" applyBorder="1"/>
    <xf numFmtId="3" fontId="5" fillId="0" borderId="28" xfId="2" applyNumberFormat="1" applyFont="1" applyFill="1" applyBorder="1"/>
    <xf numFmtId="3" fontId="5" fillId="0" borderId="29" xfId="2" applyNumberFormat="1" applyFont="1" applyFill="1" applyBorder="1"/>
    <xf numFmtId="4" fontId="5" fillId="0" borderId="30" xfId="2" applyNumberFormat="1" applyFont="1" applyFill="1" applyBorder="1"/>
    <xf numFmtId="4" fontId="5" fillId="0" borderId="27" xfId="2" applyNumberFormat="1" applyFont="1" applyFill="1" applyBorder="1"/>
    <xf numFmtId="4" fontId="5" fillId="0" borderId="31" xfId="1" applyNumberFormat="1" applyFont="1" applyFill="1" applyBorder="1"/>
    <xf numFmtId="38" fontId="5" fillId="0" borderId="19" xfId="1" applyFont="1" applyFill="1" applyBorder="1"/>
    <xf numFmtId="38" fontId="5" fillId="0" borderId="18" xfId="1" applyFont="1" applyFill="1" applyBorder="1"/>
    <xf numFmtId="38" fontId="5" fillId="0" borderId="18" xfId="2" applyNumberFormat="1" applyFont="1" applyFill="1" applyBorder="1"/>
    <xf numFmtId="38" fontId="5" fillId="0" borderId="21" xfId="2" applyNumberFormat="1" applyFont="1" applyFill="1" applyBorder="1"/>
    <xf numFmtId="4" fontId="5" fillId="0" borderId="20" xfId="2" applyNumberFormat="1" applyFont="1" applyFill="1" applyBorder="1"/>
    <xf numFmtId="3" fontId="5" fillId="0" borderId="18" xfId="2" applyNumberFormat="1" applyFont="1" applyFill="1" applyBorder="1"/>
    <xf numFmtId="3" fontId="5" fillId="0" borderId="22" xfId="2" applyNumberFormat="1" applyFont="1" applyFill="1" applyBorder="1"/>
    <xf numFmtId="4" fontId="5" fillId="0" borderId="17" xfId="2" applyNumberFormat="1" applyFont="1" applyFill="1" applyBorder="1"/>
    <xf numFmtId="4" fontId="5" fillId="0" borderId="21" xfId="2" applyNumberFormat="1" applyFont="1" applyFill="1" applyBorder="1"/>
    <xf numFmtId="3" fontId="5" fillId="0" borderId="29" xfId="1" quotePrefix="1" applyNumberFormat="1" applyFont="1" applyFill="1" applyBorder="1" applyAlignment="1">
      <alignment horizontal="right"/>
    </xf>
    <xf numFmtId="38" fontId="5" fillId="0" borderId="34" xfId="1" applyFont="1" applyBorder="1"/>
    <xf numFmtId="38" fontId="5" fillId="0" borderId="37" xfId="1" applyFont="1" applyFill="1" applyBorder="1"/>
    <xf numFmtId="38" fontId="5" fillId="0" borderId="40" xfId="1" applyFont="1" applyFill="1" applyBorder="1"/>
    <xf numFmtId="38" fontId="5" fillId="0" borderId="40" xfId="2" applyNumberFormat="1" applyFont="1" applyFill="1" applyBorder="1"/>
    <xf numFmtId="38" fontId="5" fillId="0" borderId="39" xfId="2" applyNumberFormat="1" applyFont="1" applyFill="1" applyBorder="1"/>
    <xf numFmtId="4" fontId="5" fillId="0" borderId="38" xfId="2" applyNumberFormat="1" applyFont="1" applyFill="1" applyBorder="1"/>
    <xf numFmtId="3" fontId="5" fillId="0" borderId="40" xfId="2" applyNumberFormat="1" applyFont="1" applyFill="1" applyBorder="1"/>
    <xf numFmtId="3" fontId="5" fillId="0" borderId="41" xfId="2" applyNumberFormat="1" applyFont="1" applyFill="1" applyBorder="1"/>
    <xf numFmtId="4" fontId="5" fillId="0" borderId="42" xfId="2" applyNumberFormat="1" applyFont="1" applyFill="1" applyBorder="1"/>
    <xf numFmtId="4" fontId="5" fillId="0" borderId="39" xfId="2" applyNumberFormat="1" applyFont="1" applyFill="1" applyBorder="1"/>
    <xf numFmtId="4" fontId="5" fillId="0" borderId="43" xfId="1" applyNumberFormat="1" applyFont="1" applyFill="1" applyBorder="1"/>
    <xf numFmtId="38" fontId="5" fillId="0" borderId="44" xfId="1" applyFont="1" applyBorder="1"/>
    <xf numFmtId="176" fontId="5" fillId="0" borderId="48" xfId="1" applyNumberFormat="1" applyFont="1" applyBorder="1" applyAlignment="1">
      <alignment horizontal="center"/>
    </xf>
    <xf numFmtId="38" fontId="5" fillId="0" borderId="49" xfId="1" quotePrefix="1" applyFont="1" applyFill="1" applyBorder="1" applyAlignment="1">
      <alignment horizontal="center"/>
    </xf>
    <xf numFmtId="38" fontId="5" fillId="0" borderId="49" xfId="1" applyFont="1" applyFill="1" applyBorder="1" applyAlignment="1">
      <alignment horizontal="center"/>
    </xf>
    <xf numFmtId="38" fontId="5" fillId="0" borderId="48" xfId="1" applyNumberFormat="1" applyFont="1" applyFill="1" applyBorder="1" applyAlignment="1">
      <alignment horizontal="center"/>
    </xf>
    <xf numFmtId="4" fontId="5" fillId="0" borderId="47" xfId="1" applyNumberFormat="1" applyFont="1" applyFill="1" applyBorder="1" applyAlignment="1">
      <alignment horizontal="center"/>
    </xf>
    <xf numFmtId="4" fontId="5" fillId="0" borderId="46" xfId="1" applyNumberFormat="1" applyFont="1" applyFill="1" applyBorder="1" applyAlignment="1">
      <alignment horizontal="center"/>
    </xf>
    <xf numFmtId="38" fontId="5" fillId="0" borderId="46" xfId="1" applyNumberFormat="1" applyFont="1" applyFill="1" applyBorder="1" applyAlignment="1">
      <alignment horizontal="center"/>
    </xf>
    <xf numFmtId="3" fontId="5" fillId="0" borderId="48" xfId="1" applyNumberFormat="1" applyFont="1" applyFill="1" applyBorder="1" applyAlignment="1">
      <alignment horizontal="center"/>
    </xf>
    <xf numFmtId="3" fontId="5" fillId="0" borderId="49" xfId="1" applyNumberFormat="1" applyFont="1" applyFill="1" applyBorder="1" applyAlignment="1">
      <alignment horizontal="center"/>
    </xf>
    <xf numFmtId="4" fontId="5" fillId="0" borderId="50" xfId="1" applyNumberFormat="1" applyFont="1" applyFill="1" applyBorder="1" applyAlignment="1">
      <alignment horizontal="center"/>
    </xf>
    <xf numFmtId="4" fontId="5" fillId="0" borderId="51" xfId="1" applyNumberFormat="1" applyFont="1" applyFill="1" applyBorder="1"/>
    <xf numFmtId="176" fontId="5" fillId="0" borderId="48" xfId="1" quotePrefix="1" applyNumberFormat="1" applyFont="1" applyBorder="1" applyAlignment="1">
      <alignment horizontal="center"/>
    </xf>
    <xf numFmtId="38" fontId="5" fillId="0" borderId="48" xfId="1" quotePrefix="1" applyNumberFormat="1" applyFont="1" applyFill="1" applyBorder="1" applyAlignment="1">
      <alignment horizontal="center"/>
    </xf>
    <xf numFmtId="4" fontId="5" fillId="0" borderId="47" xfId="1" quotePrefix="1" applyNumberFormat="1" applyFont="1" applyFill="1" applyBorder="1" applyAlignment="1">
      <alignment horizontal="center"/>
    </xf>
    <xf numFmtId="4" fontId="5" fillId="0" borderId="46" xfId="1" quotePrefix="1" applyNumberFormat="1" applyFont="1" applyFill="1" applyBorder="1" applyAlignment="1">
      <alignment horizontal="center"/>
    </xf>
    <xf numFmtId="38" fontId="5" fillId="0" borderId="46" xfId="1" quotePrefix="1" applyNumberFormat="1" applyFont="1" applyFill="1" applyBorder="1" applyAlignment="1">
      <alignment horizontal="center"/>
    </xf>
    <xf numFmtId="3" fontId="5" fillId="0" borderId="48" xfId="1" quotePrefix="1" applyNumberFormat="1" applyFont="1" applyFill="1" applyBorder="1" applyAlignment="1">
      <alignment horizontal="center"/>
    </xf>
    <xf numFmtId="3" fontId="5" fillId="0" borderId="49" xfId="1" quotePrefix="1" applyNumberFormat="1" applyFont="1" applyFill="1" applyBorder="1" applyAlignment="1">
      <alignment horizontal="center"/>
    </xf>
    <xf numFmtId="4" fontId="5" fillId="0" borderId="50" xfId="1" quotePrefix="1" applyNumberFormat="1" applyFont="1" applyFill="1" applyBorder="1" applyAlignment="1">
      <alignment horizontal="center"/>
    </xf>
    <xf numFmtId="38" fontId="5" fillId="0" borderId="52" xfId="1" applyFont="1" applyBorder="1"/>
    <xf numFmtId="38" fontId="5" fillId="0" borderId="32" xfId="1" applyFont="1" applyFill="1" applyBorder="1"/>
    <xf numFmtId="38" fontId="5" fillId="0" borderId="55" xfId="1" applyFont="1" applyFill="1" applyBorder="1"/>
    <xf numFmtId="38" fontId="5" fillId="0" borderId="55" xfId="2" applyNumberFormat="1" applyFont="1" applyFill="1" applyBorder="1"/>
    <xf numFmtId="38" fontId="5" fillId="0" borderId="57" xfId="2" applyNumberFormat="1" applyFont="1" applyFill="1" applyBorder="1"/>
    <xf numFmtId="4" fontId="5" fillId="0" borderId="54" xfId="2" applyNumberFormat="1" applyFont="1" applyFill="1" applyBorder="1"/>
    <xf numFmtId="3" fontId="5" fillId="0" borderId="55" xfId="2" applyNumberFormat="1" applyFont="1" applyFill="1" applyBorder="1"/>
    <xf numFmtId="3" fontId="5" fillId="0" borderId="56" xfId="2" applyNumberFormat="1" applyFont="1" applyFill="1" applyBorder="1"/>
    <xf numFmtId="4" fontId="5" fillId="0" borderId="58" xfId="2" applyNumberFormat="1" applyFont="1" applyFill="1" applyBorder="1"/>
    <xf numFmtId="4" fontId="5" fillId="0" borderId="57" xfId="2" applyNumberFormat="1" applyFont="1" applyFill="1" applyBorder="1"/>
    <xf numFmtId="4" fontId="5" fillId="0" borderId="59" xfId="1" applyNumberFormat="1" applyFont="1" applyFill="1" applyBorder="1"/>
    <xf numFmtId="38" fontId="5" fillId="0" borderId="61" xfId="2" applyNumberFormat="1" applyFont="1" applyFill="1" applyBorder="1"/>
    <xf numFmtId="38" fontId="5" fillId="0" borderId="36" xfId="2" applyNumberFormat="1" applyFont="1" applyFill="1" applyBorder="1"/>
    <xf numFmtId="4" fontId="5" fillId="0" borderId="62" xfId="2" applyNumberFormat="1" applyFont="1" applyFill="1" applyBorder="1"/>
    <xf numFmtId="3" fontId="5" fillId="0" borderId="61" xfId="2" applyNumberFormat="1" applyFont="1" applyFill="1" applyBorder="1"/>
    <xf numFmtId="3" fontId="5" fillId="0" borderId="63" xfId="2" applyNumberFormat="1" applyFont="1" applyFill="1" applyBorder="1"/>
    <xf numFmtId="4" fontId="5" fillId="0" borderId="64" xfId="2" applyNumberFormat="1" applyFont="1" applyFill="1" applyBorder="1"/>
    <xf numFmtId="4" fontId="5" fillId="0" borderId="36" xfId="2" applyNumberFormat="1" applyFont="1" applyFill="1" applyBorder="1"/>
    <xf numFmtId="38" fontId="5" fillId="0" borderId="49" xfId="1" applyFont="1" applyBorder="1" applyAlignment="1">
      <alignment horizontal="center"/>
    </xf>
    <xf numFmtId="38" fontId="5" fillId="0" borderId="48" xfId="1" applyFont="1" applyFill="1" applyBorder="1"/>
    <xf numFmtId="38" fontId="5" fillId="0" borderId="48" xfId="2" applyNumberFormat="1" applyFont="1" applyFill="1" applyBorder="1"/>
    <xf numFmtId="38" fontId="5" fillId="0" borderId="46" xfId="2" applyNumberFormat="1" applyFont="1" applyFill="1" applyBorder="1" applyAlignment="1">
      <alignment horizontal="center"/>
    </xf>
    <xf numFmtId="4" fontId="5" fillId="0" borderId="47" xfId="2" applyNumberFormat="1" applyFont="1" applyFill="1" applyBorder="1"/>
    <xf numFmtId="3" fontId="5" fillId="0" borderId="48" xfId="2" applyNumberFormat="1" applyFont="1" applyFill="1" applyBorder="1"/>
    <xf numFmtId="4" fontId="5" fillId="0" borderId="49" xfId="2" applyNumberFormat="1" applyFont="1" applyFill="1" applyBorder="1" applyAlignment="1">
      <alignment horizontal="center"/>
    </xf>
    <xf numFmtId="4" fontId="5" fillId="0" borderId="50" xfId="2" applyNumberFormat="1" applyFont="1" applyFill="1" applyBorder="1"/>
    <xf numFmtId="3" fontId="5" fillId="0" borderId="49" xfId="2" applyNumberFormat="1" applyFont="1" applyFill="1" applyBorder="1" applyAlignment="1">
      <alignment horizontal="center"/>
    </xf>
    <xf numFmtId="4" fontId="5" fillId="0" borderId="46" xfId="2" applyNumberFormat="1" applyFont="1" applyFill="1" applyBorder="1"/>
    <xf numFmtId="4" fontId="5" fillId="0" borderId="65" xfId="1" applyNumberFormat="1" applyFont="1" applyFill="1" applyBorder="1"/>
    <xf numFmtId="38" fontId="5" fillId="0" borderId="70" xfId="1" applyFont="1" applyBorder="1" applyAlignment="1">
      <alignment horizontal="center"/>
    </xf>
    <xf numFmtId="38" fontId="5" fillId="0" borderId="71" xfId="1" applyFont="1" applyFill="1" applyBorder="1"/>
    <xf numFmtId="38" fontId="5" fillId="0" borderId="70" xfId="1" applyFont="1" applyFill="1" applyBorder="1" applyAlignment="1">
      <alignment horizontal="center"/>
    </xf>
    <xf numFmtId="38" fontId="5" fillId="0" borderId="71" xfId="2" applyNumberFormat="1" applyFont="1" applyFill="1" applyBorder="1"/>
    <xf numFmtId="38" fontId="5" fillId="0" borderId="68" xfId="2" applyNumberFormat="1" applyFont="1" applyFill="1" applyBorder="1" applyAlignment="1">
      <alignment horizontal="center"/>
    </xf>
    <xf numFmtId="4" fontId="5" fillId="0" borderId="69" xfId="2" applyNumberFormat="1" applyFont="1" applyFill="1" applyBorder="1"/>
    <xf numFmtId="3" fontId="5" fillId="0" borderId="71" xfId="2" applyNumberFormat="1" applyFont="1" applyFill="1" applyBorder="1"/>
    <xf numFmtId="4" fontId="5" fillId="0" borderId="70" xfId="2" applyNumberFormat="1" applyFont="1" applyFill="1" applyBorder="1" applyAlignment="1">
      <alignment horizontal="center"/>
    </xf>
    <xf numFmtId="4" fontId="5" fillId="0" borderId="67" xfId="2" applyNumberFormat="1" applyFont="1" applyFill="1" applyBorder="1"/>
    <xf numFmtId="3" fontId="5" fillId="0" borderId="70" xfId="2" applyNumberFormat="1" applyFont="1" applyFill="1" applyBorder="1" applyAlignment="1">
      <alignment horizontal="center"/>
    </xf>
    <xf numFmtId="4" fontId="5" fillId="0" borderId="68" xfId="2" applyNumberFormat="1" applyFont="1" applyFill="1" applyBorder="1"/>
    <xf numFmtId="4" fontId="5" fillId="0" borderId="72" xfId="1" applyNumberFormat="1" applyFont="1" applyFill="1" applyBorder="1"/>
    <xf numFmtId="38" fontId="5" fillId="0" borderId="0" xfId="1" applyFont="1" applyFill="1"/>
    <xf numFmtId="38" fontId="8" fillId="0" borderId="24" xfId="1" applyFont="1" applyFill="1" applyBorder="1"/>
    <xf numFmtId="38" fontId="8" fillId="0" borderId="35" xfId="1" applyFont="1" applyFill="1" applyBorder="1"/>
    <xf numFmtId="38" fontId="8" fillId="0" borderId="45" xfId="1" applyFont="1" applyFill="1" applyBorder="1"/>
    <xf numFmtId="38" fontId="8" fillId="0" borderId="53" xfId="1" applyFont="1" applyFill="1" applyBorder="1"/>
    <xf numFmtId="38" fontId="7" fillId="0" borderId="0" xfId="1" applyFont="1" applyFill="1" applyBorder="1" applyAlignment="1">
      <alignment horizontal="center"/>
    </xf>
    <xf numFmtId="38" fontId="5" fillId="0" borderId="0" xfId="1" quotePrefix="1" applyFont="1" applyFill="1" applyBorder="1" applyAlignment="1">
      <alignment horizontal="center"/>
    </xf>
    <xf numFmtId="38" fontId="5" fillId="0" borderId="21" xfId="1" applyFont="1" applyFill="1" applyBorder="1" applyAlignment="1">
      <alignment horizontal="center"/>
    </xf>
    <xf numFmtId="38" fontId="5" fillId="0" borderId="13" xfId="1" quotePrefix="1" applyFont="1" applyFill="1" applyBorder="1" applyAlignment="1">
      <alignment horizontal="center"/>
    </xf>
    <xf numFmtId="38" fontId="5" fillId="0" borderId="11" xfId="1" applyFont="1" applyFill="1" applyBorder="1" applyAlignment="1">
      <alignment horizontal="center"/>
    </xf>
    <xf numFmtId="38" fontId="5" fillId="0" borderId="22" xfId="1" applyFont="1" applyFill="1" applyBorder="1" applyAlignment="1">
      <alignment horizontal="center"/>
    </xf>
    <xf numFmtId="38" fontId="5" fillId="0" borderId="18" xfId="1" applyFont="1" applyFill="1" applyBorder="1" applyAlignment="1">
      <alignment horizontal="center"/>
    </xf>
    <xf numFmtId="38" fontId="5" fillId="0" borderId="24" xfId="1" applyFont="1" applyFill="1" applyBorder="1"/>
    <xf numFmtId="38" fontId="5" fillId="0" borderId="77" xfId="1" applyFont="1" applyFill="1" applyBorder="1"/>
    <xf numFmtId="38" fontId="5" fillId="0" borderId="11" xfId="1" quotePrefix="1" applyFont="1" applyFill="1" applyBorder="1" applyAlignment="1">
      <alignment horizontal="center"/>
    </xf>
    <xf numFmtId="176" fontId="5" fillId="0" borderId="28" xfId="2" applyNumberFormat="1" applyFont="1" applyFill="1" applyBorder="1"/>
    <xf numFmtId="176" fontId="5" fillId="0" borderId="18" xfId="2" applyNumberFormat="1" applyFont="1" applyFill="1" applyBorder="1"/>
    <xf numFmtId="176" fontId="5" fillId="0" borderId="28" xfId="2" quotePrefix="1" applyNumberFormat="1" applyFont="1" applyFill="1" applyBorder="1" applyAlignment="1">
      <alignment horizontal="right"/>
    </xf>
    <xf numFmtId="176" fontId="5" fillId="0" borderId="40" xfId="2" quotePrefix="1" applyNumberFormat="1" applyFont="1" applyFill="1" applyBorder="1" applyAlignment="1">
      <alignment horizontal="right"/>
    </xf>
    <xf numFmtId="176" fontId="5" fillId="0" borderId="18" xfId="1" quotePrefix="1" applyNumberFormat="1" applyFont="1" applyFill="1" applyBorder="1" applyAlignment="1">
      <alignment horizontal="center"/>
    </xf>
    <xf numFmtId="176" fontId="5" fillId="0" borderId="28" xfId="1" quotePrefix="1" applyNumberFormat="1" applyFont="1" applyFill="1" applyBorder="1" applyAlignment="1">
      <alignment horizontal="center"/>
    </xf>
    <xf numFmtId="176" fontId="5" fillId="0" borderId="11" xfId="1" quotePrefix="1" applyNumberFormat="1" applyFont="1" applyFill="1" applyBorder="1" applyAlignment="1">
      <alignment horizontal="center"/>
    </xf>
    <xf numFmtId="176" fontId="5" fillId="0" borderId="48" xfId="2" applyNumberFormat="1" applyFont="1" applyFill="1" applyBorder="1"/>
    <xf numFmtId="176" fontId="5" fillId="0" borderId="61" xfId="2" applyNumberFormat="1" applyFont="1" applyFill="1" applyBorder="1"/>
    <xf numFmtId="176" fontId="5" fillId="0" borderId="80" xfId="2" applyNumberFormat="1" applyFont="1" applyFill="1" applyBorder="1"/>
    <xf numFmtId="49" fontId="2" fillId="0" borderId="0" xfId="1" applyNumberFormat="1" applyFont="1" applyFill="1"/>
    <xf numFmtId="38" fontId="5" fillId="0" borderId="33" xfId="1" quotePrefix="1" applyFont="1" applyFill="1" applyBorder="1" applyAlignment="1">
      <alignment horizontal="center"/>
    </xf>
    <xf numFmtId="38" fontId="5" fillId="0" borderId="60" xfId="1" quotePrefix="1" applyFont="1" applyFill="1" applyBorder="1" applyAlignment="1">
      <alignment horizontal="center"/>
    </xf>
    <xf numFmtId="38" fontId="5" fillId="0" borderId="0" xfId="1" applyFont="1" applyFill="1" applyBorder="1" applyAlignment="1">
      <alignment horizontal="center"/>
    </xf>
    <xf numFmtId="38" fontId="5" fillId="0" borderId="10" xfId="1" quotePrefix="1" applyFont="1" applyFill="1" applyBorder="1" applyAlignment="1">
      <alignment horizontal="center"/>
    </xf>
    <xf numFmtId="38" fontId="5" fillId="0" borderId="8" xfId="1" quotePrefix="1" applyFont="1" applyFill="1" applyBorder="1" applyAlignment="1">
      <alignment horizontal="center"/>
    </xf>
    <xf numFmtId="38" fontId="5" fillId="0" borderId="13" xfId="1" applyFont="1" applyFill="1" applyBorder="1" applyAlignment="1">
      <alignment horizontal="center"/>
    </xf>
    <xf numFmtId="38" fontId="5" fillId="0" borderId="14" xfId="1" applyFont="1" applyFill="1" applyBorder="1" applyAlignment="1">
      <alignment horizontal="center"/>
    </xf>
    <xf numFmtId="38" fontId="5" fillId="0" borderId="9" xfId="1" applyFont="1" applyFill="1" applyBorder="1" applyAlignment="1">
      <alignment horizontal="center"/>
    </xf>
    <xf numFmtId="38" fontId="5" fillId="0" borderId="15" xfId="1" quotePrefix="1" applyFont="1" applyFill="1" applyBorder="1" applyAlignment="1">
      <alignment horizontal="center"/>
    </xf>
    <xf numFmtId="38" fontId="5" fillId="0" borderId="19" xfId="1" applyFont="1" applyFill="1" applyBorder="1" applyAlignment="1">
      <alignment horizontal="center"/>
    </xf>
    <xf numFmtId="38" fontId="5" fillId="0" borderId="20" xfId="1" applyFont="1" applyFill="1" applyBorder="1" applyAlignment="1">
      <alignment horizontal="center"/>
    </xf>
    <xf numFmtId="38" fontId="5" fillId="0" borderId="17" xfId="1" applyFont="1" applyFill="1" applyBorder="1" applyAlignment="1">
      <alignment horizontal="center"/>
    </xf>
    <xf numFmtId="38" fontId="5" fillId="0" borderId="74" xfId="1" applyFont="1" applyFill="1" applyBorder="1" applyAlignment="1">
      <alignment horizontal="center"/>
    </xf>
    <xf numFmtId="38" fontId="5" fillId="0" borderId="23" xfId="1" applyFont="1" applyFill="1" applyBorder="1" applyAlignment="1">
      <alignment horizontal="center"/>
    </xf>
    <xf numFmtId="38" fontId="5" fillId="0" borderId="7" xfId="1" applyFont="1" applyFill="1" applyBorder="1"/>
    <xf numFmtId="176" fontId="5" fillId="0" borderId="27" xfId="2" applyNumberFormat="1" applyFont="1" applyFill="1" applyBorder="1" applyAlignment="1"/>
    <xf numFmtId="3" fontId="5" fillId="0" borderId="28" xfId="2" applyNumberFormat="1" applyFont="1" applyFill="1" applyBorder="1" applyAlignment="1">
      <alignment horizontal="right"/>
    </xf>
    <xf numFmtId="3" fontId="5" fillId="0" borderId="29" xfId="2" applyNumberFormat="1" applyFont="1" applyFill="1" applyBorder="1" applyAlignment="1"/>
    <xf numFmtId="3" fontId="5" fillId="0" borderId="29" xfId="2" applyNumberFormat="1" applyFont="1" applyFill="1" applyBorder="1" applyAlignment="1">
      <alignment horizontal="right"/>
    </xf>
    <xf numFmtId="38" fontId="5" fillId="0" borderId="25" xfId="1" applyFont="1" applyFill="1" applyBorder="1" applyAlignment="1"/>
    <xf numFmtId="176" fontId="5" fillId="0" borderId="21" xfId="2" applyNumberFormat="1" applyFont="1" applyFill="1" applyBorder="1" applyAlignment="1"/>
    <xf numFmtId="3" fontId="5" fillId="0" borderId="18" xfId="2" applyNumberFormat="1" applyFont="1" applyFill="1" applyBorder="1" applyAlignment="1">
      <alignment horizontal="right"/>
    </xf>
    <xf numFmtId="3" fontId="5" fillId="0" borderId="22" xfId="2" applyNumberFormat="1" applyFont="1" applyFill="1" applyBorder="1" applyAlignment="1"/>
    <xf numFmtId="3" fontId="5" fillId="0" borderId="22" xfId="2" applyNumberFormat="1" applyFont="1" applyFill="1" applyBorder="1" applyAlignment="1">
      <alignment horizontal="right"/>
    </xf>
    <xf numFmtId="38" fontId="5" fillId="0" borderId="19" xfId="1" applyFont="1" applyFill="1" applyBorder="1" applyAlignment="1"/>
    <xf numFmtId="38" fontId="5" fillId="0" borderId="75" xfId="1" applyFont="1" applyFill="1" applyBorder="1"/>
    <xf numFmtId="176" fontId="5" fillId="0" borderId="27" xfId="2" applyNumberFormat="1" applyFont="1" applyFill="1" applyBorder="1" applyAlignment="1">
      <alignment horizontal="right"/>
    </xf>
    <xf numFmtId="4" fontId="5" fillId="0" borderId="26" xfId="2" quotePrefix="1" applyNumberFormat="1" applyFont="1" applyFill="1" applyBorder="1" applyAlignment="1">
      <alignment horizontal="center"/>
    </xf>
    <xf numFmtId="3" fontId="5" fillId="0" borderId="28" xfId="2" quotePrefix="1" applyNumberFormat="1" applyFont="1" applyFill="1" applyBorder="1" applyAlignment="1">
      <alignment horizontal="right"/>
    </xf>
    <xf numFmtId="3" fontId="5" fillId="0" borderId="29" xfId="2" quotePrefix="1" applyNumberFormat="1" applyFont="1" applyFill="1" applyBorder="1" applyAlignment="1"/>
    <xf numFmtId="4" fontId="5" fillId="0" borderId="30" xfId="2" quotePrefix="1" applyNumberFormat="1" applyFont="1" applyFill="1" applyBorder="1" applyAlignment="1">
      <alignment horizontal="center"/>
    </xf>
    <xf numFmtId="3" fontId="5" fillId="0" borderId="29" xfId="2" quotePrefix="1" applyNumberFormat="1" applyFont="1" applyFill="1" applyBorder="1" applyAlignment="1">
      <alignment horizontal="right"/>
    </xf>
    <xf numFmtId="4" fontId="5" fillId="0" borderId="27" xfId="2" quotePrefix="1" applyNumberFormat="1" applyFont="1" applyFill="1" applyBorder="1" applyAlignment="1">
      <alignment horizontal="center"/>
    </xf>
    <xf numFmtId="4" fontId="5" fillId="0" borderId="31" xfId="1" quotePrefix="1" applyNumberFormat="1" applyFont="1" applyFill="1" applyBorder="1" applyAlignment="1">
      <alignment horizontal="center"/>
    </xf>
    <xf numFmtId="4" fontId="5" fillId="0" borderId="30" xfId="2" applyNumberFormat="1" applyFont="1" applyFill="1" applyBorder="1" applyAlignment="1">
      <alignment horizontal="center"/>
    </xf>
    <xf numFmtId="4" fontId="5" fillId="0" borderId="27" xfId="2" applyNumberFormat="1" applyFont="1" applyFill="1" applyBorder="1" applyAlignment="1">
      <alignment horizontal="center"/>
    </xf>
    <xf numFmtId="176" fontId="5" fillId="0" borderId="27" xfId="2" quotePrefix="1" applyNumberFormat="1" applyFont="1" applyFill="1" applyBorder="1" applyAlignment="1"/>
    <xf numFmtId="40" fontId="5" fillId="0" borderId="26" xfId="2" quotePrefix="1" applyNumberFormat="1" applyFont="1" applyFill="1" applyBorder="1" applyAlignment="1">
      <alignment horizontal="center"/>
    </xf>
    <xf numFmtId="40" fontId="5" fillId="0" borderId="30" xfId="2" quotePrefix="1" applyNumberFormat="1" applyFont="1" applyFill="1" applyBorder="1" applyAlignment="1">
      <alignment horizontal="center"/>
    </xf>
    <xf numFmtId="3" fontId="5" fillId="0" borderId="28" xfId="2" quotePrefix="1" applyNumberFormat="1" applyFont="1" applyFill="1" applyBorder="1" applyAlignment="1">
      <alignment horizontal="center"/>
    </xf>
    <xf numFmtId="40" fontId="5" fillId="0" borderId="26" xfId="2" applyNumberFormat="1" applyFont="1" applyFill="1" applyBorder="1"/>
    <xf numFmtId="176" fontId="5" fillId="0" borderId="39" xfId="2" quotePrefix="1" applyNumberFormat="1" applyFont="1" applyFill="1" applyBorder="1" applyAlignment="1"/>
    <xf numFmtId="40" fontId="5" fillId="0" borderId="38" xfId="2" quotePrefix="1" applyNumberFormat="1" applyFont="1" applyFill="1" applyBorder="1" applyAlignment="1">
      <alignment horizontal="center"/>
    </xf>
    <xf numFmtId="3" fontId="5" fillId="0" borderId="11" xfId="2" quotePrefix="1" applyNumberFormat="1" applyFont="1" applyFill="1" applyBorder="1" applyAlignment="1">
      <alignment horizontal="right"/>
    </xf>
    <xf numFmtId="3" fontId="5" fillId="0" borderId="13" xfId="2" quotePrefix="1" applyNumberFormat="1" applyFont="1" applyFill="1" applyBorder="1" applyAlignment="1"/>
    <xf numFmtId="40" fontId="5" fillId="0" borderId="76" xfId="2" quotePrefix="1" applyNumberFormat="1" applyFont="1" applyFill="1" applyBorder="1" applyAlignment="1">
      <alignment horizontal="center"/>
    </xf>
    <xf numFmtId="3" fontId="5" fillId="0" borderId="11" xfId="2" quotePrefix="1" applyNumberFormat="1" applyFont="1" applyFill="1" applyBorder="1" applyAlignment="1">
      <alignment horizontal="center"/>
    </xf>
    <xf numFmtId="3" fontId="5" fillId="0" borderId="13" xfId="2" quotePrefix="1" applyNumberFormat="1" applyFont="1" applyFill="1" applyBorder="1" applyAlignment="1">
      <alignment horizontal="right"/>
    </xf>
    <xf numFmtId="4" fontId="5" fillId="0" borderId="33" xfId="2" quotePrefix="1" applyNumberFormat="1" applyFont="1" applyFill="1" applyBorder="1" applyAlignment="1">
      <alignment horizontal="center"/>
    </xf>
    <xf numFmtId="176" fontId="5" fillId="0" borderId="21" xfId="1" quotePrefix="1" applyNumberFormat="1" applyFont="1" applyFill="1" applyBorder="1" applyAlignment="1">
      <alignment horizontal="center"/>
    </xf>
    <xf numFmtId="40" fontId="5" fillId="0" borderId="20" xfId="1" quotePrefix="1" applyNumberFormat="1" applyFont="1" applyFill="1" applyBorder="1" applyAlignment="1">
      <alignment horizontal="center"/>
    </xf>
    <xf numFmtId="3" fontId="5" fillId="0" borderId="18" xfId="1" quotePrefix="1" applyNumberFormat="1" applyFont="1" applyFill="1" applyBorder="1" applyAlignment="1">
      <alignment horizontal="right"/>
    </xf>
    <xf numFmtId="3" fontId="5" fillId="0" borderId="22" xfId="1" quotePrefix="1" applyNumberFormat="1" applyFont="1" applyFill="1" applyBorder="1" applyAlignment="1">
      <alignment horizontal="right"/>
    </xf>
    <xf numFmtId="40" fontId="5" fillId="0" borderId="17" xfId="1" quotePrefix="1" applyNumberFormat="1" applyFont="1" applyFill="1" applyBorder="1" applyAlignment="1">
      <alignment horizontal="center"/>
    </xf>
    <xf numFmtId="3" fontId="5" fillId="0" borderId="18" xfId="1" quotePrefix="1" applyNumberFormat="1" applyFont="1" applyFill="1" applyBorder="1" applyAlignment="1">
      <alignment horizontal="center"/>
    </xf>
    <xf numFmtId="3" fontId="5" fillId="0" borderId="22" xfId="1" quotePrefix="1" applyNumberFormat="1" applyFont="1" applyFill="1" applyBorder="1" applyAlignment="1">
      <alignment horizontal="center"/>
    </xf>
    <xf numFmtId="4" fontId="5" fillId="0" borderId="21" xfId="1" quotePrefix="1" applyNumberFormat="1" applyFont="1" applyFill="1" applyBorder="1" applyAlignment="1">
      <alignment horizontal="center"/>
    </xf>
    <xf numFmtId="38" fontId="5" fillId="0" borderId="28" xfId="1" quotePrefix="1" applyFont="1" applyFill="1" applyBorder="1" applyAlignment="1">
      <alignment horizontal="center"/>
    </xf>
    <xf numFmtId="38" fontId="5" fillId="0" borderId="29" xfId="1" quotePrefix="1" applyFont="1" applyFill="1" applyBorder="1" applyAlignment="1">
      <alignment horizontal="center"/>
    </xf>
    <xf numFmtId="38" fontId="5" fillId="0" borderId="23" xfId="1" quotePrefix="1" applyFont="1" applyFill="1" applyBorder="1" applyAlignment="1">
      <alignment horizontal="center"/>
    </xf>
    <xf numFmtId="176" fontId="5" fillId="0" borderId="27" xfId="1" quotePrefix="1" applyNumberFormat="1" applyFont="1" applyFill="1" applyBorder="1" applyAlignment="1">
      <alignment horizontal="center"/>
    </xf>
    <xf numFmtId="40" fontId="5" fillId="0" borderId="26" xfId="1" quotePrefix="1" applyNumberFormat="1" applyFont="1" applyFill="1" applyBorder="1" applyAlignment="1">
      <alignment horizontal="center"/>
    </xf>
    <xf numFmtId="3" fontId="5" fillId="0" borderId="28" xfId="1" quotePrefix="1" applyNumberFormat="1" applyFont="1" applyFill="1" applyBorder="1" applyAlignment="1">
      <alignment horizontal="right"/>
    </xf>
    <xf numFmtId="40" fontId="5" fillId="0" borderId="30" xfId="1" quotePrefix="1" applyNumberFormat="1" applyFont="1" applyFill="1" applyBorder="1" applyAlignment="1">
      <alignment horizontal="center"/>
    </xf>
    <xf numFmtId="3" fontId="5" fillId="0" borderId="28" xfId="1" quotePrefix="1" applyNumberFormat="1" applyFont="1" applyFill="1" applyBorder="1" applyAlignment="1">
      <alignment horizontal="center"/>
    </xf>
    <xf numFmtId="3" fontId="5" fillId="0" borderId="29" xfId="1" quotePrefix="1" applyNumberFormat="1" applyFont="1" applyFill="1" applyBorder="1" applyAlignment="1">
      <alignment horizontal="center"/>
    </xf>
    <xf numFmtId="4" fontId="5" fillId="0" borderId="27" xfId="1" quotePrefix="1" applyNumberFormat="1" applyFont="1" applyFill="1" applyBorder="1" applyAlignment="1">
      <alignment horizontal="center"/>
    </xf>
    <xf numFmtId="38" fontId="5" fillId="0" borderId="31" xfId="1" quotePrefix="1" applyFont="1" applyFill="1" applyBorder="1" applyAlignment="1">
      <alignment horizontal="center"/>
    </xf>
    <xf numFmtId="176" fontId="5" fillId="0" borderId="33" xfId="1" quotePrefix="1" applyNumberFormat="1" applyFont="1" applyFill="1" applyBorder="1" applyAlignment="1">
      <alignment horizontal="center"/>
    </xf>
    <xf numFmtId="40" fontId="5" fillId="0" borderId="10" xfId="1" quotePrefix="1" applyNumberFormat="1" applyFont="1" applyFill="1" applyBorder="1" applyAlignment="1">
      <alignment horizontal="center"/>
    </xf>
    <xf numFmtId="3" fontId="5" fillId="0" borderId="11" xfId="1" quotePrefix="1" applyNumberFormat="1" applyFont="1" applyFill="1" applyBorder="1" applyAlignment="1">
      <alignment horizontal="right"/>
    </xf>
    <xf numFmtId="3" fontId="5" fillId="0" borderId="13" xfId="1" quotePrefix="1" applyNumberFormat="1" applyFont="1" applyFill="1" applyBorder="1" applyAlignment="1">
      <alignment horizontal="right"/>
    </xf>
    <xf numFmtId="40" fontId="5" fillId="0" borderId="76" xfId="1" quotePrefix="1" applyNumberFormat="1" applyFont="1" applyFill="1" applyBorder="1" applyAlignment="1">
      <alignment horizontal="center"/>
    </xf>
    <xf numFmtId="3" fontId="5" fillId="0" borderId="11" xfId="1" quotePrefix="1" applyNumberFormat="1" applyFont="1" applyFill="1" applyBorder="1" applyAlignment="1">
      <alignment horizontal="center"/>
    </xf>
    <xf numFmtId="3" fontId="5" fillId="0" borderId="13" xfId="1" quotePrefix="1" applyNumberFormat="1" applyFont="1" applyFill="1" applyBorder="1" applyAlignment="1">
      <alignment horizontal="center"/>
    </xf>
    <xf numFmtId="4" fontId="5" fillId="0" borderId="33" xfId="1" quotePrefix="1" applyNumberFormat="1" applyFont="1" applyFill="1" applyBorder="1" applyAlignment="1">
      <alignment horizontal="center"/>
    </xf>
    <xf numFmtId="38" fontId="5" fillId="0" borderId="78" xfId="1" quotePrefix="1" applyFont="1" applyFill="1" applyBorder="1" applyAlignment="1">
      <alignment horizontal="center"/>
    </xf>
    <xf numFmtId="176" fontId="5" fillId="0" borderId="46" xfId="2" applyNumberFormat="1" applyFont="1" applyFill="1" applyBorder="1" applyAlignment="1">
      <alignment horizontal="center"/>
    </xf>
    <xf numFmtId="40" fontId="5" fillId="0" borderId="47" xfId="2" applyNumberFormat="1" applyFont="1" applyFill="1" applyBorder="1"/>
    <xf numFmtId="3" fontId="5" fillId="0" borderId="48" xfId="2" applyNumberFormat="1" applyFont="1" applyFill="1" applyBorder="1" applyAlignment="1">
      <alignment horizontal="right"/>
    </xf>
    <xf numFmtId="176" fontId="5" fillId="0" borderId="36" xfId="2" applyNumberFormat="1" applyFont="1" applyFill="1" applyBorder="1" applyAlignment="1">
      <alignment horizontal="center"/>
    </xf>
    <xf numFmtId="40" fontId="5" fillId="0" borderId="62" xfId="2" applyNumberFormat="1" applyFont="1" applyFill="1" applyBorder="1"/>
    <xf numFmtId="3" fontId="5" fillId="0" borderId="61" xfId="2" applyNumberFormat="1" applyFont="1" applyFill="1" applyBorder="1" applyAlignment="1">
      <alignment horizontal="right"/>
    </xf>
    <xf numFmtId="3" fontId="5" fillId="0" borderId="63" xfId="2" applyNumberFormat="1" applyFont="1" applyFill="1" applyBorder="1" applyAlignment="1">
      <alignment horizontal="center"/>
    </xf>
    <xf numFmtId="38" fontId="5" fillId="0" borderId="61" xfId="1" applyFont="1" applyFill="1" applyBorder="1"/>
    <xf numFmtId="38" fontId="5" fillId="0" borderId="63" xfId="1" applyFont="1" applyFill="1" applyBorder="1" applyAlignment="1">
      <alignment horizontal="center"/>
    </xf>
    <xf numFmtId="176" fontId="5" fillId="0" borderId="79" xfId="2" applyNumberFormat="1" applyFont="1" applyFill="1" applyBorder="1" applyAlignment="1">
      <alignment horizontal="center"/>
    </xf>
    <xf numFmtId="40" fontId="5" fillId="0" borderId="81" xfId="2" applyNumberFormat="1" applyFont="1" applyFill="1" applyBorder="1"/>
    <xf numFmtId="4" fontId="5" fillId="0" borderId="81" xfId="2" applyNumberFormat="1" applyFont="1" applyFill="1" applyBorder="1"/>
    <xf numFmtId="3" fontId="5" fillId="0" borderId="80" xfId="2" applyNumberFormat="1" applyFont="1" applyFill="1" applyBorder="1" applyAlignment="1">
      <alignment horizontal="right"/>
    </xf>
    <xf numFmtId="3" fontId="5" fillId="0" borderId="82" xfId="2" applyNumberFormat="1" applyFont="1" applyFill="1" applyBorder="1" applyAlignment="1">
      <alignment horizontal="center"/>
    </xf>
    <xf numFmtId="4" fontId="5" fillId="0" borderId="83" xfId="2" applyNumberFormat="1" applyFont="1" applyFill="1" applyBorder="1"/>
    <xf numFmtId="3" fontId="5" fillId="0" borderId="80" xfId="2" applyNumberFormat="1" applyFont="1" applyFill="1" applyBorder="1"/>
    <xf numFmtId="4" fontId="5" fillId="0" borderId="79" xfId="2" applyNumberFormat="1" applyFont="1" applyFill="1" applyBorder="1"/>
    <xf numFmtId="4" fontId="5" fillId="0" borderId="84" xfId="1" applyNumberFormat="1" applyFont="1" applyFill="1" applyBorder="1"/>
    <xf numFmtId="38" fontId="5" fillId="0" borderId="66" xfId="1" applyFont="1" applyBorder="1" applyAlignment="1">
      <alignment horizontal="distributed" justifyLastLine="1"/>
    </xf>
    <xf numFmtId="38" fontId="5" fillId="0" borderId="67" xfId="1" applyFont="1" applyBorder="1" applyAlignment="1">
      <alignment horizontal="distributed" justifyLastLine="1"/>
    </xf>
    <xf numFmtId="49" fontId="5" fillId="0" borderId="73" xfId="1" applyNumberFormat="1" applyFont="1" applyBorder="1" applyAlignment="1">
      <alignment horizontal="left"/>
    </xf>
    <xf numFmtId="0" fontId="5" fillId="0" borderId="3" xfId="0" quotePrefix="1" applyFont="1" applyBorder="1" applyAlignment="1">
      <alignment horizontal="distributed" justifyLastLine="1"/>
    </xf>
    <xf numFmtId="0" fontId="0" fillId="0" borderId="4" xfId="0" applyBorder="1" applyAlignment="1">
      <alignment horizontal="distributed" justifyLastLine="1"/>
    </xf>
    <xf numFmtId="0" fontId="0" fillId="0" borderId="5" xfId="0" applyBorder="1" applyAlignment="1">
      <alignment horizontal="distributed" justifyLastLine="1"/>
    </xf>
    <xf numFmtId="38" fontId="5" fillId="0" borderId="3" xfId="1" quotePrefix="1" applyFont="1" applyBorder="1" applyAlignment="1">
      <alignment horizontal="distributed" justifyLastLine="1"/>
    </xf>
    <xf numFmtId="38" fontId="5" fillId="0" borderId="4" xfId="1" quotePrefix="1" applyFont="1" applyBorder="1" applyAlignment="1">
      <alignment horizontal="distributed" justifyLastLine="1"/>
    </xf>
    <xf numFmtId="0" fontId="0" fillId="0" borderId="6" xfId="0" applyBorder="1" applyAlignment="1">
      <alignment horizontal="distributed" justifyLastLine="1"/>
    </xf>
    <xf numFmtId="38" fontId="5" fillId="0" borderId="44" xfId="1" applyFont="1" applyBorder="1" applyAlignment="1">
      <alignment horizontal="distributed" justifyLastLine="1"/>
    </xf>
    <xf numFmtId="38" fontId="5" fillId="0" borderId="50" xfId="1" applyFont="1" applyBorder="1" applyAlignment="1">
      <alignment horizontal="distributed" justifyLastLine="1"/>
    </xf>
    <xf numFmtId="0" fontId="5" fillId="0" borderId="3" xfId="0" quotePrefix="1" applyFont="1" applyFill="1" applyBorder="1" applyAlignment="1">
      <alignment horizontal="distributed" justifyLastLine="1"/>
    </xf>
    <xf numFmtId="0" fontId="5" fillId="0" borderId="4" xfId="0" applyFont="1" applyFill="1" applyBorder="1" applyAlignment="1">
      <alignment horizontal="distributed" justifyLastLine="1"/>
    </xf>
    <xf numFmtId="0" fontId="5" fillId="0" borderId="5" xfId="0" applyFont="1" applyFill="1" applyBorder="1" applyAlignment="1">
      <alignment horizontal="distributed" justifyLastLine="1"/>
    </xf>
    <xf numFmtId="38" fontId="5" fillId="0" borderId="1" xfId="1" applyFont="1" applyBorder="1" applyAlignment="1">
      <alignment horizontal="distributed" vertical="center" justifyLastLine="1"/>
    </xf>
    <xf numFmtId="0" fontId="0" fillId="0" borderId="2" xfId="0" applyBorder="1" applyAlignment="1">
      <alignment horizontal="distributed" vertical="center" justifyLastLine="1"/>
    </xf>
    <xf numFmtId="0" fontId="0" fillId="0" borderId="7" xfId="0" applyBorder="1" applyAlignment="1">
      <alignment horizontal="distributed" vertical="center" justifyLastLine="1"/>
    </xf>
    <xf numFmtId="0" fontId="0" fillId="0" borderId="8" xfId="0" applyBorder="1" applyAlignment="1">
      <alignment horizontal="distributed" vertical="center" justifyLastLine="1"/>
    </xf>
    <xf numFmtId="0" fontId="0" fillId="0" borderId="16" xfId="0" applyBorder="1" applyAlignment="1">
      <alignment horizontal="distributed" vertical="center" justifyLastLine="1"/>
    </xf>
    <xf numFmtId="0" fontId="0" fillId="0" borderId="17" xfId="0" applyBorder="1" applyAlignment="1">
      <alignment horizontal="distributed" vertical="center" justifyLastLine="1"/>
    </xf>
    <xf numFmtId="38" fontId="10" fillId="0" borderId="44" xfId="1" applyFont="1" applyFill="1" applyBorder="1" applyAlignment="1">
      <alignment horizontal="distributed" justifyLastLine="1"/>
    </xf>
    <xf numFmtId="38" fontId="10" fillId="0" borderId="50" xfId="1" applyFont="1" applyFill="1" applyBorder="1" applyAlignment="1">
      <alignment horizontal="distributed" justifyLastLine="1"/>
    </xf>
    <xf numFmtId="38" fontId="10" fillId="0" borderId="66" xfId="1" applyFont="1" applyFill="1" applyBorder="1" applyAlignment="1">
      <alignment horizontal="distributed" justifyLastLine="1"/>
    </xf>
    <xf numFmtId="38" fontId="10" fillId="0" borderId="67" xfId="1" applyFont="1" applyFill="1" applyBorder="1" applyAlignment="1">
      <alignment horizontal="distributed" justifyLastLine="1"/>
    </xf>
    <xf numFmtId="0" fontId="5" fillId="0" borderId="4" xfId="0" quotePrefix="1" applyFont="1" applyFill="1" applyBorder="1" applyAlignment="1">
      <alignment horizontal="distributed" justifyLastLine="1"/>
    </xf>
    <xf numFmtId="0" fontId="5" fillId="0" borderId="5" xfId="0" quotePrefix="1" applyFont="1" applyFill="1" applyBorder="1" applyAlignment="1">
      <alignment horizontal="distributed" justifyLastLine="1"/>
    </xf>
    <xf numFmtId="38" fontId="5" fillId="0" borderId="3" xfId="1" quotePrefix="1" applyFont="1" applyFill="1" applyBorder="1" applyAlignment="1">
      <alignment horizontal="distributed" justifyLastLine="1"/>
    </xf>
    <xf numFmtId="38" fontId="5" fillId="0" borderId="4" xfId="1" quotePrefix="1" applyFont="1" applyFill="1" applyBorder="1" applyAlignment="1">
      <alignment horizontal="distributed" justifyLastLine="1"/>
    </xf>
    <xf numFmtId="38" fontId="5" fillId="0" borderId="5" xfId="1" quotePrefix="1" applyFont="1" applyFill="1" applyBorder="1" applyAlignment="1">
      <alignment horizontal="distributed" justifyLastLine="1"/>
    </xf>
    <xf numFmtId="38" fontId="5" fillId="0" borderId="6" xfId="1" quotePrefix="1" applyFont="1" applyFill="1" applyBorder="1" applyAlignment="1">
      <alignment horizontal="distributed" justifyLastLine="1"/>
    </xf>
    <xf numFmtId="38" fontId="5" fillId="0" borderId="1" xfId="1" applyFont="1" applyFill="1" applyBorder="1" applyAlignment="1">
      <alignment horizontal="distributed" vertical="center" justifyLastLine="1"/>
    </xf>
    <xf numFmtId="38" fontId="5" fillId="0" borderId="2" xfId="1" applyFont="1" applyFill="1" applyBorder="1" applyAlignment="1">
      <alignment horizontal="distributed" vertical="center" justifyLastLine="1"/>
    </xf>
    <xf numFmtId="38" fontId="5" fillId="0" borderId="7" xfId="1" applyFont="1" applyFill="1" applyBorder="1" applyAlignment="1">
      <alignment horizontal="distributed" vertical="center" justifyLastLine="1"/>
    </xf>
    <xf numFmtId="38" fontId="5" fillId="0" borderId="8" xfId="1" applyFont="1" applyFill="1" applyBorder="1" applyAlignment="1">
      <alignment horizontal="distributed" vertical="center" justifyLastLine="1"/>
    </xf>
    <xf numFmtId="38" fontId="5" fillId="0" borderId="16" xfId="1" applyFont="1" applyFill="1" applyBorder="1" applyAlignment="1">
      <alignment horizontal="distributed" vertical="center" justifyLastLine="1"/>
    </xf>
    <xf numFmtId="38" fontId="5" fillId="0" borderId="17" xfId="1" applyFont="1" applyFill="1" applyBorder="1" applyAlignment="1">
      <alignment horizontal="distributed" vertical="center" justifyLastLine="1"/>
    </xf>
  </cellXfs>
  <cellStyles count="3">
    <cellStyle name="桁区切り" xfId="1" builtinId="6"/>
    <cellStyle name="桁区切り 2" xfId="2"/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transitionEntry="1"/>
  <dimension ref="A1:Q52"/>
  <sheetViews>
    <sheetView tabSelected="1" zoomScaleNormal="100" zoomScaleSheetLayoutView="100" workbookViewId="0"/>
  </sheetViews>
  <sheetFormatPr defaultColWidth="9" defaultRowHeight="10.8" x14ac:dyDescent="0.15"/>
  <cols>
    <col min="1" max="1" width="3.6640625" style="2" customWidth="1"/>
    <col min="2" max="2" width="10" style="113" customWidth="1"/>
    <col min="3" max="3" width="8.109375" style="113" customWidth="1"/>
    <col min="4" max="4" width="3.109375" style="113" customWidth="1"/>
    <col min="5" max="5" width="6.109375" style="113" customWidth="1"/>
    <col min="6" max="6" width="8.109375" style="113" customWidth="1"/>
    <col min="7" max="7" width="3.109375" style="2" customWidth="1"/>
    <col min="8" max="8" width="6.109375" style="2" customWidth="1"/>
    <col min="9" max="9" width="8.109375" style="2" customWidth="1"/>
    <col min="10" max="10" width="3.109375" style="2" customWidth="1"/>
    <col min="11" max="11" width="6.109375" style="2" customWidth="1"/>
    <col min="12" max="12" width="8.109375" style="2" customWidth="1"/>
    <col min="13" max="13" width="3.109375" style="2" customWidth="1"/>
    <col min="14" max="14" width="6.109375" style="2" customWidth="1"/>
    <col min="15" max="15" width="8.109375" style="2" customWidth="1"/>
    <col min="16" max="16" width="3.109375" style="2" customWidth="1"/>
    <col min="17" max="17" width="6.109375" style="2" customWidth="1"/>
    <col min="18" max="16384" width="9" style="2"/>
  </cols>
  <sheetData>
    <row r="1" spans="1:17" ht="16.5" customHeight="1" x14ac:dyDescent="0.2">
      <c r="A1" s="1" t="s">
        <v>0</v>
      </c>
      <c r="O1" s="3"/>
    </row>
    <row r="2" spans="1:17" ht="11.1" customHeight="1" thickBot="1" x14ac:dyDescent="0.2">
      <c r="C2" s="118"/>
      <c r="D2" s="118"/>
      <c r="E2" s="118"/>
      <c r="F2" s="118"/>
      <c r="G2" s="4"/>
      <c r="H2" s="4"/>
      <c r="I2" s="4"/>
      <c r="J2" s="4"/>
      <c r="K2" s="4"/>
      <c r="L2" s="4"/>
      <c r="M2" s="4"/>
      <c r="N2" s="4"/>
    </row>
    <row r="3" spans="1:17" s="5" customFormat="1" ht="15" customHeight="1" x14ac:dyDescent="0.2">
      <c r="A3" s="248" t="s">
        <v>1</v>
      </c>
      <c r="B3" s="249"/>
      <c r="C3" s="245" t="s">
        <v>2</v>
      </c>
      <c r="D3" s="246"/>
      <c r="E3" s="247"/>
      <c r="F3" s="237" t="s">
        <v>3</v>
      </c>
      <c r="G3" s="238"/>
      <c r="H3" s="239"/>
      <c r="I3" s="240" t="s">
        <v>4</v>
      </c>
      <c r="J3" s="238"/>
      <c r="K3" s="239"/>
      <c r="L3" s="240" t="s">
        <v>5</v>
      </c>
      <c r="M3" s="238"/>
      <c r="N3" s="239"/>
      <c r="O3" s="241" t="s">
        <v>6</v>
      </c>
      <c r="P3" s="238"/>
      <c r="Q3" s="242"/>
    </row>
    <row r="4" spans="1:17" ht="12.75" customHeight="1" x14ac:dyDescent="0.15">
      <c r="A4" s="250"/>
      <c r="B4" s="251"/>
      <c r="C4" s="119" t="s">
        <v>7</v>
      </c>
      <c r="D4" s="121" t="s">
        <v>8</v>
      </c>
      <c r="E4" s="119" t="s">
        <v>9</v>
      </c>
      <c r="F4" s="122" t="s">
        <v>7</v>
      </c>
      <c r="G4" s="7" t="s">
        <v>8</v>
      </c>
      <c r="H4" s="6" t="s">
        <v>10</v>
      </c>
      <c r="I4" s="11" t="s">
        <v>7</v>
      </c>
      <c r="J4" s="10" t="s">
        <v>8</v>
      </c>
      <c r="K4" s="6" t="s">
        <v>11</v>
      </c>
      <c r="L4" s="9" t="s">
        <v>7</v>
      </c>
      <c r="M4" s="7" t="s">
        <v>8</v>
      </c>
      <c r="N4" s="8" t="s">
        <v>12</v>
      </c>
      <c r="O4" s="12" t="s">
        <v>7</v>
      </c>
      <c r="P4" s="7" t="s">
        <v>8</v>
      </c>
      <c r="Q4" s="13" t="s">
        <v>13</v>
      </c>
    </row>
    <row r="5" spans="1:17" ht="12.75" customHeight="1" x14ac:dyDescent="0.15">
      <c r="A5" s="252"/>
      <c r="B5" s="253"/>
      <c r="C5" s="120" t="s">
        <v>14</v>
      </c>
      <c r="D5" s="123" t="s">
        <v>17</v>
      </c>
      <c r="E5" s="120" t="s">
        <v>15</v>
      </c>
      <c r="F5" s="124" t="s">
        <v>14</v>
      </c>
      <c r="G5" s="15" t="s">
        <v>16</v>
      </c>
      <c r="H5" s="16" t="s">
        <v>15</v>
      </c>
      <c r="I5" s="14" t="s">
        <v>14</v>
      </c>
      <c r="J5" s="17" t="s">
        <v>17</v>
      </c>
      <c r="K5" s="18" t="s">
        <v>15</v>
      </c>
      <c r="L5" s="14" t="s">
        <v>14</v>
      </c>
      <c r="M5" s="17" t="s">
        <v>16</v>
      </c>
      <c r="N5" s="18" t="s">
        <v>15</v>
      </c>
      <c r="O5" s="14" t="s">
        <v>14</v>
      </c>
      <c r="P5" s="15" t="s">
        <v>16</v>
      </c>
      <c r="Q5" s="19" t="s">
        <v>15</v>
      </c>
    </row>
    <row r="6" spans="1:17" ht="19.5" customHeight="1" x14ac:dyDescent="0.15">
      <c r="A6" s="20">
        <v>1</v>
      </c>
      <c r="B6" s="114" t="s">
        <v>18</v>
      </c>
      <c r="C6" s="23">
        <v>1553</v>
      </c>
      <c r="D6" s="24">
        <v>33</v>
      </c>
      <c r="E6" s="25">
        <v>6.44</v>
      </c>
      <c r="F6" s="23">
        <v>1583</v>
      </c>
      <c r="G6" s="24">
        <v>33</v>
      </c>
      <c r="H6" s="25">
        <v>1.93</v>
      </c>
      <c r="I6" s="26">
        <v>1643</v>
      </c>
      <c r="J6" s="27">
        <v>33</v>
      </c>
      <c r="K6" s="28">
        <v>3.79</v>
      </c>
      <c r="L6" s="26">
        <v>2052</v>
      </c>
      <c r="M6" s="27">
        <v>33</v>
      </c>
      <c r="N6" s="29">
        <v>24.89</v>
      </c>
      <c r="O6" s="22">
        <v>2352</v>
      </c>
      <c r="P6" s="21">
        <v>33</v>
      </c>
      <c r="Q6" s="30">
        <v>14.62</v>
      </c>
    </row>
    <row r="7" spans="1:17" ht="19.5" customHeight="1" x14ac:dyDescent="0.15">
      <c r="A7" s="20">
        <v>2</v>
      </c>
      <c r="B7" s="114" t="s">
        <v>19</v>
      </c>
      <c r="C7" s="23">
        <v>2032</v>
      </c>
      <c r="D7" s="24">
        <v>31</v>
      </c>
      <c r="E7" s="25">
        <v>11.89</v>
      </c>
      <c r="F7" s="23">
        <v>2086</v>
      </c>
      <c r="G7" s="24">
        <v>31</v>
      </c>
      <c r="H7" s="25">
        <v>2.66</v>
      </c>
      <c r="I7" s="26">
        <v>2253</v>
      </c>
      <c r="J7" s="27">
        <v>32</v>
      </c>
      <c r="K7" s="28">
        <v>8.01</v>
      </c>
      <c r="L7" s="26">
        <v>2238</v>
      </c>
      <c r="M7" s="27">
        <v>32</v>
      </c>
      <c r="N7" s="29">
        <v>-0.67</v>
      </c>
      <c r="O7" s="22">
        <v>2514</v>
      </c>
      <c r="P7" s="21">
        <v>31</v>
      </c>
      <c r="Q7" s="30">
        <v>12.33</v>
      </c>
    </row>
    <row r="8" spans="1:17" ht="19.5" customHeight="1" x14ac:dyDescent="0.15">
      <c r="A8" s="20">
        <v>3</v>
      </c>
      <c r="B8" s="114" t="s">
        <v>20</v>
      </c>
      <c r="C8" s="23">
        <v>2524</v>
      </c>
      <c r="D8" s="24">
        <v>27</v>
      </c>
      <c r="E8" s="25">
        <v>11.68</v>
      </c>
      <c r="F8" s="23">
        <v>2616</v>
      </c>
      <c r="G8" s="24">
        <v>26</v>
      </c>
      <c r="H8" s="25">
        <v>3.65</v>
      </c>
      <c r="I8" s="26">
        <v>2777</v>
      </c>
      <c r="J8" s="27">
        <v>26</v>
      </c>
      <c r="K8" s="28">
        <v>6.15</v>
      </c>
      <c r="L8" s="26">
        <v>2723</v>
      </c>
      <c r="M8" s="27">
        <v>28</v>
      </c>
      <c r="N8" s="29">
        <v>-1.94</v>
      </c>
      <c r="O8" s="22">
        <v>2873</v>
      </c>
      <c r="P8" s="21">
        <v>28</v>
      </c>
      <c r="Q8" s="30">
        <v>5.51</v>
      </c>
    </row>
    <row r="9" spans="1:17" ht="19.5" customHeight="1" x14ac:dyDescent="0.15">
      <c r="A9" s="20">
        <v>4</v>
      </c>
      <c r="B9" s="114" t="s">
        <v>21</v>
      </c>
      <c r="C9" s="23">
        <v>3156</v>
      </c>
      <c r="D9" s="24">
        <v>17</v>
      </c>
      <c r="E9" s="25">
        <v>8.6</v>
      </c>
      <c r="F9" s="23">
        <v>2893</v>
      </c>
      <c r="G9" s="24">
        <v>21</v>
      </c>
      <c r="H9" s="25">
        <v>-8.33</v>
      </c>
      <c r="I9" s="26">
        <v>3278</v>
      </c>
      <c r="J9" s="27">
        <v>21</v>
      </c>
      <c r="K9" s="28">
        <v>13.31</v>
      </c>
      <c r="L9" s="26">
        <v>4191</v>
      </c>
      <c r="M9" s="27">
        <v>8</v>
      </c>
      <c r="N9" s="29">
        <v>27.85</v>
      </c>
      <c r="O9" s="22">
        <v>4144</v>
      </c>
      <c r="P9" s="21">
        <v>10</v>
      </c>
      <c r="Q9" s="30">
        <v>-1.1200000000000001</v>
      </c>
    </row>
    <row r="10" spans="1:17" ht="19.5" customHeight="1" x14ac:dyDescent="0.15">
      <c r="A10" s="20">
        <v>5</v>
      </c>
      <c r="B10" s="114" t="s">
        <v>22</v>
      </c>
      <c r="C10" s="23">
        <v>3428</v>
      </c>
      <c r="D10" s="24">
        <v>12</v>
      </c>
      <c r="E10" s="25">
        <v>3.1</v>
      </c>
      <c r="F10" s="23">
        <v>3378</v>
      </c>
      <c r="G10" s="24">
        <v>13</v>
      </c>
      <c r="H10" s="25">
        <v>-1.46</v>
      </c>
      <c r="I10" s="26">
        <v>3580</v>
      </c>
      <c r="J10" s="27">
        <v>12</v>
      </c>
      <c r="K10" s="28">
        <v>5.98</v>
      </c>
      <c r="L10" s="26">
        <v>3465</v>
      </c>
      <c r="M10" s="27">
        <v>16</v>
      </c>
      <c r="N10" s="29">
        <v>-3.21</v>
      </c>
      <c r="O10" s="22">
        <v>3511</v>
      </c>
      <c r="P10" s="21">
        <v>18</v>
      </c>
      <c r="Q10" s="30">
        <v>1.33</v>
      </c>
    </row>
    <row r="11" spans="1:17" ht="19.5" customHeight="1" x14ac:dyDescent="0.15">
      <c r="A11" s="20">
        <v>6</v>
      </c>
      <c r="B11" s="114" t="s">
        <v>23</v>
      </c>
      <c r="C11" s="23">
        <v>3514</v>
      </c>
      <c r="D11" s="24">
        <v>9</v>
      </c>
      <c r="E11" s="25">
        <v>0.83</v>
      </c>
      <c r="F11" s="23">
        <v>3520</v>
      </c>
      <c r="G11" s="24">
        <v>8</v>
      </c>
      <c r="H11" s="25">
        <v>0.17</v>
      </c>
      <c r="I11" s="26">
        <v>3578</v>
      </c>
      <c r="J11" s="27">
        <v>13</v>
      </c>
      <c r="K11" s="28">
        <v>1.65</v>
      </c>
      <c r="L11" s="26">
        <v>3426</v>
      </c>
      <c r="M11" s="27">
        <v>17</v>
      </c>
      <c r="N11" s="29">
        <v>-4.25</v>
      </c>
      <c r="O11" s="22">
        <v>3498</v>
      </c>
      <c r="P11" s="21">
        <v>19</v>
      </c>
      <c r="Q11" s="30">
        <v>2.1</v>
      </c>
    </row>
    <row r="12" spans="1:17" ht="19.5" customHeight="1" x14ac:dyDescent="0.15">
      <c r="A12" s="20">
        <v>7</v>
      </c>
      <c r="B12" s="114" t="s">
        <v>24</v>
      </c>
      <c r="C12" s="23">
        <v>2680</v>
      </c>
      <c r="D12" s="24">
        <v>22</v>
      </c>
      <c r="E12" s="25">
        <v>13.32</v>
      </c>
      <c r="F12" s="23">
        <v>2848</v>
      </c>
      <c r="G12" s="24">
        <v>23</v>
      </c>
      <c r="H12" s="25">
        <v>6.27</v>
      </c>
      <c r="I12" s="26">
        <v>3076</v>
      </c>
      <c r="J12" s="27">
        <v>24</v>
      </c>
      <c r="K12" s="28">
        <v>8.01</v>
      </c>
      <c r="L12" s="26">
        <v>3021</v>
      </c>
      <c r="M12" s="27">
        <v>23</v>
      </c>
      <c r="N12" s="29">
        <v>-1.79</v>
      </c>
      <c r="O12" s="22">
        <v>3365</v>
      </c>
      <c r="P12" s="21">
        <v>20</v>
      </c>
      <c r="Q12" s="30">
        <v>11.39</v>
      </c>
    </row>
    <row r="13" spans="1:17" ht="19.5" customHeight="1" x14ac:dyDescent="0.15">
      <c r="A13" s="20">
        <v>8</v>
      </c>
      <c r="B13" s="114" t="s">
        <v>25</v>
      </c>
      <c r="C13" s="23">
        <v>3202</v>
      </c>
      <c r="D13" s="24">
        <v>15</v>
      </c>
      <c r="E13" s="25">
        <v>-3.79</v>
      </c>
      <c r="F13" s="23">
        <v>3183</v>
      </c>
      <c r="G13" s="24">
        <v>16</v>
      </c>
      <c r="H13" s="25">
        <v>-0.59</v>
      </c>
      <c r="I13" s="26">
        <v>3282</v>
      </c>
      <c r="J13" s="27">
        <v>20</v>
      </c>
      <c r="K13" s="28">
        <v>3.11</v>
      </c>
      <c r="L13" s="26">
        <v>3315</v>
      </c>
      <c r="M13" s="27">
        <v>20</v>
      </c>
      <c r="N13" s="29">
        <v>1.01</v>
      </c>
      <c r="O13" s="22">
        <v>3331</v>
      </c>
      <c r="P13" s="21">
        <v>22</v>
      </c>
      <c r="Q13" s="30">
        <v>0.48</v>
      </c>
    </row>
    <row r="14" spans="1:17" ht="19.5" customHeight="1" x14ac:dyDescent="0.15">
      <c r="A14" s="20">
        <v>9</v>
      </c>
      <c r="B14" s="114" t="s">
        <v>26</v>
      </c>
      <c r="C14" s="23">
        <v>3183</v>
      </c>
      <c r="D14" s="24">
        <v>16</v>
      </c>
      <c r="E14" s="25">
        <v>5.4</v>
      </c>
      <c r="F14" s="23">
        <v>3072</v>
      </c>
      <c r="G14" s="24">
        <v>18</v>
      </c>
      <c r="H14" s="25">
        <v>-3.49</v>
      </c>
      <c r="I14" s="26">
        <v>2999</v>
      </c>
      <c r="J14" s="27">
        <v>25</v>
      </c>
      <c r="K14" s="28">
        <v>-2.38</v>
      </c>
      <c r="L14" s="26">
        <v>2945</v>
      </c>
      <c r="M14" s="27">
        <v>26</v>
      </c>
      <c r="N14" s="29">
        <v>-1.8</v>
      </c>
      <c r="O14" s="22">
        <v>3027</v>
      </c>
      <c r="P14" s="21">
        <v>26</v>
      </c>
      <c r="Q14" s="30">
        <v>2.78</v>
      </c>
    </row>
    <row r="15" spans="1:17" ht="19.5" customHeight="1" x14ac:dyDescent="0.15">
      <c r="A15" s="20">
        <v>10</v>
      </c>
      <c r="B15" s="114" t="s">
        <v>27</v>
      </c>
      <c r="C15" s="23">
        <v>3415</v>
      </c>
      <c r="D15" s="24">
        <v>13</v>
      </c>
      <c r="E15" s="25">
        <v>6.79</v>
      </c>
      <c r="F15" s="23">
        <v>3449</v>
      </c>
      <c r="G15" s="24">
        <v>12</v>
      </c>
      <c r="H15" s="25">
        <v>1</v>
      </c>
      <c r="I15" s="26">
        <v>3562</v>
      </c>
      <c r="J15" s="27">
        <v>15</v>
      </c>
      <c r="K15" s="28">
        <v>3.28</v>
      </c>
      <c r="L15" s="26">
        <v>3830</v>
      </c>
      <c r="M15" s="27">
        <v>12</v>
      </c>
      <c r="N15" s="29">
        <v>7.52</v>
      </c>
      <c r="O15" s="22">
        <v>3924</v>
      </c>
      <c r="P15" s="21">
        <v>13</v>
      </c>
      <c r="Q15" s="30">
        <v>2.4500000000000002</v>
      </c>
    </row>
    <row r="16" spans="1:17" ht="19.5" customHeight="1" x14ac:dyDescent="0.15">
      <c r="A16" s="20">
        <v>11</v>
      </c>
      <c r="B16" s="114" t="s">
        <v>28</v>
      </c>
      <c r="C16" s="23">
        <v>2644</v>
      </c>
      <c r="D16" s="24">
        <v>24</v>
      </c>
      <c r="E16" s="25">
        <v>-1.49</v>
      </c>
      <c r="F16" s="23">
        <v>2931</v>
      </c>
      <c r="G16" s="24">
        <v>20</v>
      </c>
      <c r="H16" s="25">
        <v>10.85</v>
      </c>
      <c r="I16" s="26">
        <v>3570</v>
      </c>
      <c r="J16" s="27">
        <v>14</v>
      </c>
      <c r="K16" s="28">
        <v>21.8</v>
      </c>
      <c r="L16" s="26">
        <v>2996</v>
      </c>
      <c r="M16" s="27">
        <v>24</v>
      </c>
      <c r="N16" s="29">
        <v>-16.079999999999998</v>
      </c>
      <c r="O16" s="22">
        <v>2906</v>
      </c>
      <c r="P16" s="21">
        <v>27</v>
      </c>
      <c r="Q16" s="30">
        <v>-3</v>
      </c>
    </row>
    <row r="17" spans="1:17" ht="19.5" customHeight="1" x14ac:dyDescent="0.15">
      <c r="A17" s="20">
        <v>12</v>
      </c>
      <c r="B17" s="114" t="s">
        <v>29</v>
      </c>
      <c r="C17" s="23">
        <v>3942</v>
      </c>
      <c r="D17" s="24">
        <v>6</v>
      </c>
      <c r="E17" s="25">
        <v>4.8099999999999996</v>
      </c>
      <c r="F17" s="23">
        <v>3864</v>
      </c>
      <c r="G17" s="24">
        <v>7</v>
      </c>
      <c r="H17" s="25">
        <v>-1.98</v>
      </c>
      <c r="I17" s="26">
        <v>4153</v>
      </c>
      <c r="J17" s="27">
        <v>8</v>
      </c>
      <c r="K17" s="28">
        <v>7.48</v>
      </c>
      <c r="L17" s="26">
        <v>4415</v>
      </c>
      <c r="M17" s="27">
        <v>7</v>
      </c>
      <c r="N17" s="29">
        <v>6.31</v>
      </c>
      <c r="O17" s="22">
        <v>4603</v>
      </c>
      <c r="P17" s="21">
        <v>7</v>
      </c>
      <c r="Q17" s="30">
        <v>4.26</v>
      </c>
    </row>
    <row r="18" spans="1:17" ht="19.5" customHeight="1" x14ac:dyDescent="0.15">
      <c r="A18" s="20">
        <v>13</v>
      </c>
      <c r="B18" s="114" t="s">
        <v>30</v>
      </c>
      <c r="C18" s="23">
        <v>2990</v>
      </c>
      <c r="D18" s="24">
        <v>19</v>
      </c>
      <c r="E18" s="25">
        <v>10.66</v>
      </c>
      <c r="F18" s="23">
        <v>3361</v>
      </c>
      <c r="G18" s="24">
        <v>15</v>
      </c>
      <c r="H18" s="25">
        <v>12.41</v>
      </c>
      <c r="I18" s="26">
        <v>3589</v>
      </c>
      <c r="J18" s="27">
        <v>11</v>
      </c>
      <c r="K18" s="28">
        <v>6.78</v>
      </c>
      <c r="L18" s="26">
        <v>3890</v>
      </c>
      <c r="M18" s="27">
        <v>10</v>
      </c>
      <c r="N18" s="29">
        <v>8.39</v>
      </c>
      <c r="O18" s="22">
        <v>3963</v>
      </c>
      <c r="P18" s="21">
        <v>11</v>
      </c>
      <c r="Q18" s="30">
        <v>1.88</v>
      </c>
    </row>
    <row r="19" spans="1:17" ht="19.5" customHeight="1" x14ac:dyDescent="0.15">
      <c r="A19" s="20">
        <v>14</v>
      </c>
      <c r="B19" s="114" t="s">
        <v>31</v>
      </c>
      <c r="C19" s="23">
        <v>4494</v>
      </c>
      <c r="D19" s="24">
        <v>3</v>
      </c>
      <c r="E19" s="25">
        <v>0.76</v>
      </c>
      <c r="F19" s="23">
        <v>4530</v>
      </c>
      <c r="G19" s="24">
        <v>3</v>
      </c>
      <c r="H19" s="25">
        <v>0.8</v>
      </c>
      <c r="I19" s="26">
        <v>4503</v>
      </c>
      <c r="J19" s="27">
        <v>4</v>
      </c>
      <c r="K19" s="28">
        <v>-0.6</v>
      </c>
      <c r="L19" s="26">
        <v>4609</v>
      </c>
      <c r="M19" s="27">
        <v>4</v>
      </c>
      <c r="N19" s="29">
        <v>2.35</v>
      </c>
      <c r="O19" s="22">
        <v>4392</v>
      </c>
      <c r="P19" s="21">
        <v>9</v>
      </c>
      <c r="Q19" s="30">
        <v>-4.71</v>
      </c>
    </row>
    <row r="20" spans="1:17" ht="19.5" customHeight="1" x14ac:dyDescent="0.15">
      <c r="A20" s="20">
        <v>15</v>
      </c>
      <c r="B20" s="114" t="s">
        <v>32</v>
      </c>
      <c r="C20" s="23">
        <v>4211</v>
      </c>
      <c r="D20" s="24">
        <v>4</v>
      </c>
      <c r="E20" s="25">
        <v>5.54</v>
      </c>
      <c r="F20" s="23">
        <v>4347</v>
      </c>
      <c r="G20" s="24">
        <v>4</v>
      </c>
      <c r="H20" s="25">
        <v>3.23</v>
      </c>
      <c r="I20" s="26">
        <v>4367</v>
      </c>
      <c r="J20" s="27">
        <v>5</v>
      </c>
      <c r="K20" s="28">
        <v>0.46</v>
      </c>
      <c r="L20" s="26">
        <v>4571</v>
      </c>
      <c r="M20" s="27">
        <v>5</v>
      </c>
      <c r="N20" s="29">
        <v>4.67</v>
      </c>
      <c r="O20" s="22">
        <v>4778</v>
      </c>
      <c r="P20" s="21">
        <v>6</v>
      </c>
      <c r="Q20" s="30">
        <v>4.53</v>
      </c>
    </row>
    <row r="21" spans="1:17" ht="19.5" customHeight="1" x14ac:dyDescent="0.15">
      <c r="A21" s="20">
        <v>16</v>
      </c>
      <c r="B21" s="114" t="s">
        <v>33</v>
      </c>
      <c r="C21" s="23">
        <v>3287</v>
      </c>
      <c r="D21" s="24">
        <v>14</v>
      </c>
      <c r="E21" s="25">
        <v>9.42</v>
      </c>
      <c r="F21" s="23">
        <v>3370</v>
      </c>
      <c r="G21" s="24">
        <v>14</v>
      </c>
      <c r="H21" s="25">
        <v>2.5299999999999998</v>
      </c>
      <c r="I21" s="26">
        <v>3471</v>
      </c>
      <c r="J21" s="27">
        <v>18</v>
      </c>
      <c r="K21" s="28">
        <v>3</v>
      </c>
      <c r="L21" s="26">
        <v>3380</v>
      </c>
      <c r="M21" s="27">
        <v>19</v>
      </c>
      <c r="N21" s="29">
        <v>-2.62</v>
      </c>
      <c r="O21" s="22">
        <v>3181</v>
      </c>
      <c r="P21" s="21">
        <v>25</v>
      </c>
      <c r="Q21" s="30">
        <v>-5.89</v>
      </c>
    </row>
    <row r="22" spans="1:17" ht="19.5" customHeight="1" x14ac:dyDescent="0.15">
      <c r="A22" s="20">
        <v>17</v>
      </c>
      <c r="B22" s="114" t="s">
        <v>34</v>
      </c>
      <c r="C22" s="23">
        <v>2280</v>
      </c>
      <c r="D22" s="24">
        <v>30</v>
      </c>
      <c r="E22" s="25">
        <v>3.97</v>
      </c>
      <c r="F22" s="23">
        <v>2419</v>
      </c>
      <c r="G22" s="24">
        <v>29</v>
      </c>
      <c r="H22" s="25">
        <v>6.1</v>
      </c>
      <c r="I22" s="26">
        <v>2578</v>
      </c>
      <c r="J22" s="27">
        <v>28</v>
      </c>
      <c r="K22" s="28">
        <v>6.57</v>
      </c>
      <c r="L22" s="26">
        <v>2564</v>
      </c>
      <c r="M22" s="27">
        <v>29</v>
      </c>
      <c r="N22" s="29">
        <v>-0.54</v>
      </c>
      <c r="O22" s="22">
        <v>2651</v>
      </c>
      <c r="P22" s="21">
        <v>30</v>
      </c>
      <c r="Q22" s="30">
        <v>3.39</v>
      </c>
    </row>
    <row r="23" spans="1:17" ht="19.5" customHeight="1" x14ac:dyDescent="0.15">
      <c r="A23" s="20">
        <v>18</v>
      </c>
      <c r="B23" s="114" t="s">
        <v>35</v>
      </c>
      <c r="C23" s="23">
        <v>2320</v>
      </c>
      <c r="D23" s="24">
        <v>28</v>
      </c>
      <c r="E23" s="25">
        <v>-1.19</v>
      </c>
      <c r="F23" s="23">
        <v>2543</v>
      </c>
      <c r="G23" s="24">
        <v>27</v>
      </c>
      <c r="H23" s="25">
        <v>9.61</v>
      </c>
      <c r="I23" s="26">
        <v>2480</v>
      </c>
      <c r="J23" s="27">
        <v>30</v>
      </c>
      <c r="K23" s="28">
        <v>-2.48</v>
      </c>
      <c r="L23" s="26">
        <v>2370</v>
      </c>
      <c r="M23" s="27">
        <v>31</v>
      </c>
      <c r="N23" s="29">
        <v>-4.4400000000000004</v>
      </c>
      <c r="O23" s="22">
        <v>2776</v>
      </c>
      <c r="P23" s="21">
        <v>29</v>
      </c>
      <c r="Q23" s="30">
        <v>17.13</v>
      </c>
    </row>
    <row r="24" spans="1:17" ht="19.5" customHeight="1" x14ac:dyDescent="0.15">
      <c r="A24" s="20">
        <v>19</v>
      </c>
      <c r="B24" s="114" t="s">
        <v>36</v>
      </c>
      <c r="C24" s="33">
        <v>2612</v>
      </c>
      <c r="D24" s="34">
        <v>25</v>
      </c>
      <c r="E24" s="35">
        <v>9.89</v>
      </c>
      <c r="F24" s="33">
        <v>2644</v>
      </c>
      <c r="G24" s="34">
        <v>25</v>
      </c>
      <c r="H24" s="35">
        <v>1.23</v>
      </c>
      <c r="I24" s="36">
        <v>2568</v>
      </c>
      <c r="J24" s="37">
        <v>29</v>
      </c>
      <c r="K24" s="38">
        <v>-2.87</v>
      </c>
      <c r="L24" s="36">
        <v>2518</v>
      </c>
      <c r="M24" s="37">
        <v>30</v>
      </c>
      <c r="N24" s="39">
        <v>-1.95</v>
      </c>
      <c r="O24" s="32">
        <v>2383</v>
      </c>
      <c r="P24" s="31">
        <v>32</v>
      </c>
      <c r="Q24" s="30">
        <v>-5.36</v>
      </c>
    </row>
    <row r="25" spans="1:17" ht="19.5" customHeight="1" x14ac:dyDescent="0.15">
      <c r="A25" s="20">
        <v>20</v>
      </c>
      <c r="B25" s="114" t="s">
        <v>37</v>
      </c>
      <c r="C25" s="23">
        <v>3101</v>
      </c>
      <c r="D25" s="24">
        <v>18</v>
      </c>
      <c r="E25" s="25">
        <v>5.94</v>
      </c>
      <c r="F25" s="23">
        <v>3151</v>
      </c>
      <c r="G25" s="24">
        <v>17</v>
      </c>
      <c r="H25" s="25">
        <v>1.61</v>
      </c>
      <c r="I25" s="26">
        <v>3216</v>
      </c>
      <c r="J25" s="27">
        <v>23</v>
      </c>
      <c r="K25" s="28">
        <v>2.06</v>
      </c>
      <c r="L25" s="26">
        <v>2759</v>
      </c>
      <c r="M25" s="27">
        <v>27</v>
      </c>
      <c r="N25" s="29">
        <v>-14.21</v>
      </c>
      <c r="O25" s="22">
        <v>3547</v>
      </c>
      <c r="P25" s="21">
        <v>17</v>
      </c>
      <c r="Q25" s="30">
        <v>28.56</v>
      </c>
    </row>
    <row r="26" spans="1:17" ht="19.5" customHeight="1" x14ac:dyDescent="0.15">
      <c r="A26" s="20">
        <v>21</v>
      </c>
      <c r="B26" s="114" t="s">
        <v>38</v>
      </c>
      <c r="C26" s="23">
        <v>2722</v>
      </c>
      <c r="D26" s="24">
        <v>20</v>
      </c>
      <c r="E26" s="25">
        <v>6.12</v>
      </c>
      <c r="F26" s="23">
        <v>2877</v>
      </c>
      <c r="G26" s="24">
        <v>22</v>
      </c>
      <c r="H26" s="25">
        <v>5.69</v>
      </c>
      <c r="I26" s="26">
        <v>3555</v>
      </c>
      <c r="J26" s="27">
        <v>16</v>
      </c>
      <c r="K26" s="28">
        <v>23.57</v>
      </c>
      <c r="L26" s="26">
        <v>3410</v>
      </c>
      <c r="M26" s="27">
        <v>18</v>
      </c>
      <c r="N26" s="29">
        <v>-4.08</v>
      </c>
      <c r="O26" s="22">
        <v>3350</v>
      </c>
      <c r="P26" s="21">
        <v>21</v>
      </c>
      <c r="Q26" s="30">
        <v>-1.76</v>
      </c>
    </row>
    <row r="27" spans="1:17" ht="19.5" customHeight="1" x14ac:dyDescent="0.15">
      <c r="A27" s="20">
        <v>22</v>
      </c>
      <c r="B27" s="114" t="s">
        <v>39</v>
      </c>
      <c r="C27" s="23">
        <v>2308</v>
      </c>
      <c r="D27" s="24">
        <v>29</v>
      </c>
      <c r="E27" s="25">
        <v>30.32</v>
      </c>
      <c r="F27" s="23">
        <v>2494</v>
      </c>
      <c r="G27" s="24">
        <v>28</v>
      </c>
      <c r="H27" s="25">
        <v>8.06</v>
      </c>
      <c r="I27" s="26">
        <v>2405</v>
      </c>
      <c r="J27" s="27">
        <v>31</v>
      </c>
      <c r="K27" s="28">
        <v>-3.57</v>
      </c>
      <c r="L27" s="26">
        <v>2992</v>
      </c>
      <c r="M27" s="27">
        <v>25</v>
      </c>
      <c r="N27" s="29">
        <v>24.41</v>
      </c>
      <c r="O27" s="22">
        <v>3314</v>
      </c>
      <c r="P27" s="21">
        <v>23</v>
      </c>
      <c r="Q27" s="30">
        <v>10.76</v>
      </c>
    </row>
    <row r="28" spans="1:17" ht="19.5" customHeight="1" x14ac:dyDescent="0.15">
      <c r="A28" s="20">
        <v>23</v>
      </c>
      <c r="B28" s="114" t="s">
        <v>40</v>
      </c>
      <c r="C28" s="23">
        <v>3580</v>
      </c>
      <c r="D28" s="24">
        <v>8</v>
      </c>
      <c r="E28" s="25">
        <v>7.83</v>
      </c>
      <c r="F28" s="23">
        <v>3478</v>
      </c>
      <c r="G28" s="24">
        <v>11</v>
      </c>
      <c r="H28" s="25">
        <v>-2.85</v>
      </c>
      <c r="I28" s="26">
        <v>4057</v>
      </c>
      <c r="J28" s="27">
        <v>9</v>
      </c>
      <c r="K28" s="28">
        <v>16.649999999999999</v>
      </c>
      <c r="L28" s="26">
        <v>4065</v>
      </c>
      <c r="M28" s="27">
        <v>9</v>
      </c>
      <c r="N28" s="29">
        <v>0.2</v>
      </c>
      <c r="O28" s="22">
        <v>4796</v>
      </c>
      <c r="P28" s="21">
        <v>4</v>
      </c>
      <c r="Q28" s="30">
        <v>17.98</v>
      </c>
    </row>
    <row r="29" spans="1:17" ht="19.5" customHeight="1" x14ac:dyDescent="0.15">
      <c r="A29" s="20">
        <v>24</v>
      </c>
      <c r="B29" s="114" t="s">
        <v>41</v>
      </c>
      <c r="C29" s="23">
        <v>3431</v>
      </c>
      <c r="D29" s="24">
        <v>11</v>
      </c>
      <c r="E29" s="25">
        <v>1.3</v>
      </c>
      <c r="F29" s="23">
        <v>3518</v>
      </c>
      <c r="G29" s="24">
        <v>9</v>
      </c>
      <c r="H29" s="25">
        <v>2.54</v>
      </c>
      <c r="I29" s="26">
        <v>3809</v>
      </c>
      <c r="J29" s="27">
        <v>10</v>
      </c>
      <c r="K29" s="28">
        <v>8.27</v>
      </c>
      <c r="L29" s="26">
        <v>3757</v>
      </c>
      <c r="M29" s="27">
        <v>14</v>
      </c>
      <c r="N29" s="29">
        <v>-1.37</v>
      </c>
      <c r="O29" s="22">
        <v>3809</v>
      </c>
      <c r="P29" s="21">
        <v>14</v>
      </c>
      <c r="Q29" s="30">
        <v>1.38</v>
      </c>
    </row>
    <row r="30" spans="1:17" ht="19.5" customHeight="1" x14ac:dyDescent="0.15">
      <c r="A30" s="20">
        <v>25</v>
      </c>
      <c r="B30" s="114" t="s">
        <v>42</v>
      </c>
      <c r="C30" s="23">
        <v>2694</v>
      </c>
      <c r="D30" s="24">
        <v>21</v>
      </c>
      <c r="E30" s="25">
        <v>7.37</v>
      </c>
      <c r="F30" s="23">
        <v>2398</v>
      </c>
      <c r="G30" s="24">
        <v>30</v>
      </c>
      <c r="H30" s="25">
        <v>-10.99</v>
      </c>
      <c r="I30" s="26">
        <v>2656</v>
      </c>
      <c r="J30" s="27">
        <v>27</v>
      </c>
      <c r="K30" s="28">
        <v>10.76</v>
      </c>
      <c r="L30" s="26">
        <v>3053</v>
      </c>
      <c r="M30" s="27">
        <v>22</v>
      </c>
      <c r="N30" s="29">
        <v>14.95</v>
      </c>
      <c r="O30" s="22">
        <v>3550</v>
      </c>
      <c r="P30" s="21">
        <v>16</v>
      </c>
      <c r="Q30" s="30">
        <v>16.28</v>
      </c>
    </row>
    <row r="31" spans="1:17" ht="19.5" customHeight="1" x14ac:dyDescent="0.15">
      <c r="A31" s="20">
        <v>26</v>
      </c>
      <c r="B31" s="114" t="s">
        <v>43</v>
      </c>
      <c r="C31" s="23">
        <v>1846</v>
      </c>
      <c r="D31" s="24">
        <v>32</v>
      </c>
      <c r="E31" s="25">
        <v>18.940000000000001</v>
      </c>
      <c r="F31" s="23">
        <v>1869</v>
      </c>
      <c r="G31" s="24">
        <v>32</v>
      </c>
      <c r="H31" s="25">
        <v>1.25</v>
      </c>
      <c r="I31" s="26">
        <v>4316</v>
      </c>
      <c r="J31" s="27">
        <v>6</v>
      </c>
      <c r="K31" s="28">
        <v>130.93</v>
      </c>
      <c r="L31" s="26">
        <v>3812</v>
      </c>
      <c r="M31" s="27">
        <v>13</v>
      </c>
      <c r="N31" s="29">
        <v>-11.68</v>
      </c>
      <c r="O31" s="22">
        <v>5583</v>
      </c>
      <c r="P31" s="21">
        <v>2</v>
      </c>
      <c r="Q31" s="30">
        <v>46.46</v>
      </c>
    </row>
    <row r="32" spans="1:17" ht="19.5" customHeight="1" x14ac:dyDescent="0.15">
      <c r="A32" s="20">
        <v>27</v>
      </c>
      <c r="B32" s="114" t="s">
        <v>44</v>
      </c>
      <c r="C32" s="23">
        <v>3876</v>
      </c>
      <c r="D32" s="24">
        <v>7</v>
      </c>
      <c r="E32" s="25">
        <v>12.19</v>
      </c>
      <c r="F32" s="23">
        <v>4203</v>
      </c>
      <c r="G32" s="24">
        <v>5</v>
      </c>
      <c r="H32" s="25">
        <v>8.44</v>
      </c>
      <c r="I32" s="26">
        <v>4543</v>
      </c>
      <c r="J32" s="27">
        <v>3</v>
      </c>
      <c r="K32" s="28">
        <v>8.09</v>
      </c>
      <c r="L32" s="26">
        <v>4431</v>
      </c>
      <c r="M32" s="27">
        <v>6</v>
      </c>
      <c r="N32" s="29">
        <v>-2.4700000000000002</v>
      </c>
      <c r="O32" s="22">
        <v>4457</v>
      </c>
      <c r="P32" s="21">
        <v>8</v>
      </c>
      <c r="Q32" s="30">
        <v>0.59</v>
      </c>
    </row>
    <row r="33" spans="1:17" ht="19.5" customHeight="1" x14ac:dyDescent="0.15">
      <c r="A33" s="20">
        <v>28</v>
      </c>
      <c r="B33" s="114" t="s">
        <v>45</v>
      </c>
      <c r="C33" s="23">
        <v>4035</v>
      </c>
      <c r="D33" s="24">
        <v>5</v>
      </c>
      <c r="E33" s="25">
        <v>7.23</v>
      </c>
      <c r="F33" s="23">
        <v>4149</v>
      </c>
      <c r="G33" s="24">
        <v>6</v>
      </c>
      <c r="H33" s="25">
        <v>2.83</v>
      </c>
      <c r="I33" s="26">
        <v>4167</v>
      </c>
      <c r="J33" s="27">
        <v>7</v>
      </c>
      <c r="K33" s="28">
        <v>0.43</v>
      </c>
      <c r="L33" s="26">
        <v>4611</v>
      </c>
      <c r="M33" s="27">
        <v>3</v>
      </c>
      <c r="N33" s="29">
        <v>10.66</v>
      </c>
      <c r="O33" s="22">
        <v>5426</v>
      </c>
      <c r="P33" s="21">
        <v>3</v>
      </c>
      <c r="Q33" s="30">
        <v>17.68</v>
      </c>
    </row>
    <row r="34" spans="1:17" ht="19.5" customHeight="1" x14ac:dyDescent="0.15">
      <c r="A34" s="20">
        <v>29</v>
      </c>
      <c r="B34" s="114" t="s">
        <v>46</v>
      </c>
      <c r="C34" s="23">
        <v>3478</v>
      </c>
      <c r="D34" s="24">
        <v>10</v>
      </c>
      <c r="E34" s="25">
        <v>6.56</v>
      </c>
      <c r="F34" s="23">
        <v>3515</v>
      </c>
      <c r="G34" s="24">
        <v>10</v>
      </c>
      <c r="H34" s="25">
        <v>1.06</v>
      </c>
      <c r="I34" s="26">
        <v>3243</v>
      </c>
      <c r="J34" s="27">
        <v>22</v>
      </c>
      <c r="K34" s="28">
        <v>-7.74</v>
      </c>
      <c r="L34" s="26">
        <v>3147</v>
      </c>
      <c r="M34" s="27">
        <v>21</v>
      </c>
      <c r="N34" s="29">
        <v>-2.96</v>
      </c>
      <c r="O34" s="22">
        <v>3229</v>
      </c>
      <c r="P34" s="21">
        <v>24</v>
      </c>
      <c r="Q34" s="30">
        <v>2.61</v>
      </c>
    </row>
    <row r="35" spans="1:17" ht="19.5" customHeight="1" x14ac:dyDescent="0.15">
      <c r="A35" s="20">
        <v>30</v>
      </c>
      <c r="B35" s="114" t="s">
        <v>48</v>
      </c>
      <c r="C35" s="23">
        <v>2651</v>
      </c>
      <c r="D35" s="24">
        <v>23</v>
      </c>
      <c r="E35" s="25">
        <v>0.23</v>
      </c>
      <c r="F35" s="23">
        <v>2755</v>
      </c>
      <c r="G35" s="24">
        <v>24</v>
      </c>
      <c r="H35" s="25">
        <v>3.92</v>
      </c>
      <c r="I35" s="26">
        <v>3495</v>
      </c>
      <c r="J35" s="27">
        <v>17</v>
      </c>
      <c r="K35" s="28">
        <v>26.86</v>
      </c>
      <c r="L35" s="26">
        <v>3833</v>
      </c>
      <c r="M35" s="27">
        <v>11</v>
      </c>
      <c r="N35" s="29">
        <v>9.67</v>
      </c>
      <c r="O35" s="22">
        <v>3616</v>
      </c>
      <c r="P35" s="21">
        <v>15</v>
      </c>
      <c r="Q35" s="30">
        <v>-5.66</v>
      </c>
    </row>
    <row r="36" spans="1:17" ht="19.5" customHeight="1" x14ac:dyDescent="0.15">
      <c r="A36" s="20">
        <v>31</v>
      </c>
      <c r="B36" s="114" t="s">
        <v>49</v>
      </c>
      <c r="C36" s="23">
        <v>2584</v>
      </c>
      <c r="D36" s="24">
        <v>26</v>
      </c>
      <c r="E36" s="25">
        <v>2.87</v>
      </c>
      <c r="F36" s="23">
        <v>3016</v>
      </c>
      <c r="G36" s="24">
        <v>19</v>
      </c>
      <c r="H36" s="25">
        <v>16.72</v>
      </c>
      <c r="I36" s="26">
        <v>3450</v>
      </c>
      <c r="J36" s="27">
        <v>19</v>
      </c>
      <c r="K36" s="28">
        <v>14.39</v>
      </c>
      <c r="L36" s="26">
        <v>3650</v>
      </c>
      <c r="M36" s="27">
        <v>15</v>
      </c>
      <c r="N36" s="29">
        <v>5.8</v>
      </c>
      <c r="O36" s="22">
        <v>3947</v>
      </c>
      <c r="P36" s="21">
        <v>12</v>
      </c>
      <c r="Q36" s="30">
        <v>8.14</v>
      </c>
    </row>
    <row r="37" spans="1:17" ht="19.5" customHeight="1" x14ac:dyDescent="0.15">
      <c r="A37" s="20">
        <v>32</v>
      </c>
      <c r="B37" s="114" t="s">
        <v>50</v>
      </c>
      <c r="C37" s="23">
        <v>4583</v>
      </c>
      <c r="D37" s="24">
        <v>2</v>
      </c>
      <c r="E37" s="25">
        <v>2.87</v>
      </c>
      <c r="F37" s="23">
        <v>4731</v>
      </c>
      <c r="G37" s="24">
        <v>2</v>
      </c>
      <c r="H37" s="25">
        <v>3.23</v>
      </c>
      <c r="I37" s="26">
        <v>4691</v>
      </c>
      <c r="J37" s="27">
        <v>2</v>
      </c>
      <c r="K37" s="28">
        <v>-0.85</v>
      </c>
      <c r="L37" s="26">
        <v>4627</v>
      </c>
      <c r="M37" s="27">
        <v>2</v>
      </c>
      <c r="N37" s="29">
        <v>-1.36</v>
      </c>
      <c r="O37" s="22">
        <v>4782</v>
      </c>
      <c r="P37" s="21">
        <v>5</v>
      </c>
      <c r="Q37" s="30">
        <v>3.35</v>
      </c>
    </row>
    <row r="38" spans="1:17" ht="19.5" customHeight="1" thickBot="1" x14ac:dyDescent="0.2">
      <c r="A38" s="41">
        <v>33</v>
      </c>
      <c r="B38" s="115" t="s">
        <v>51</v>
      </c>
      <c r="C38" s="44">
        <v>5330</v>
      </c>
      <c r="D38" s="45">
        <v>1</v>
      </c>
      <c r="E38" s="46">
        <v>4.72</v>
      </c>
      <c r="F38" s="44">
        <v>5428</v>
      </c>
      <c r="G38" s="45">
        <v>1</v>
      </c>
      <c r="H38" s="46">
        <v>1.84</v>
      </c>
      <c r="I38" s="47">
        <v>5590</v>
      </c>
      <c r="J38" s="48">
        <v>1</v>
      </c>
      <c r="K38" s="49">
        <v>2.98</v>
      </c>
      <c r="L38" s="47">
        <v>5770</v>
      </c>
      <c r="M38" s="48">
        <v>1</v>
      </c>
      <c r="N38" s="50">
        <v>3.22</v>
      </c>
      <c r="O38" s="43">
        <v>5834</v>
      </c>
      <c r="P38" s="42">
        <v>1</v>
      </c>
      <c r="Q38" s="51">
        <v>1.1100000000000001</v>
      </c>
    </row>
    <row r="39" spans="1:17" ht="19.5" hidden="1" customHeight="1" thickTop="1" thickBot="1" x14ac:dyDescent="0.2">
      <c r="A39" s="52">
        <v>34</v>
      </c>
      <c r="B39" s="116" t="s">
        <v>52</v>
      </c>
      <c r="C39" s="56"/>
      <c r="D39" s="59"/>
      <c r="E39" s="57"/>
      <c r="F39" s="56" t="s">
        <v>47</v>
      </c>
      <c r="G39" s="59" t="s">
        <v>47</v>
      </c>
      <c r="H39" s="57" t="e">
        <v>#VALUE!</v>
      </c>
      <c r="I39" s="60" t="s">
        <v>47</v>
      </c>
      <c r="J39" s="61" t="s">
        <v>47</v>
      </c>
      <c r="K39" s="62" t="e">
        <v>#VALUE!</v>
      </c>
      <c r="L39" s="60" t="s">
        <v>47</v>
      </c>
      <c r="M39" s="61" t="s">
        <v>47</v>
      </c>
      <c r="N39" s="58" t="e">
        <v>#VALUE!</v>
      </c>
      <c r="O39" s="53" t="s">
        <v>53</v>
      </c>
      <c r="P39" s="54" t="s">
        <v>53</v>
      </c>
      <c r="Q39" s="63" t="e">
        <v>#VALUE!</v>
      </c>
    </row>
    <row r="40" spans="1:17" ht="19.5" hidden="1" customHeight="1" thickTop="1" thickBot="1" x14ac:dyDescent="0.2">
      <c r="A40" s="52">
        <v>35</v>
      </c>
      <c r="B40" s="116" t="s">
        <v>54</v>
      </c>
      <c r="C40" s="65"/>
      <c r="D40" s="68"/>
      <c r="E40" s="66"/>
      <c r="F40" s="65" t="s">
        <v>47</v>
      </c>
      <c r="G40" s="68" t="s">
        <v>47</v>
      </c>
      <c r="H40" s="66" t="e">
        <v>#VALUE!</v>
      </c>
      <c r="I40" s="69" t="s">
        <v>47</v>
      </c>
      <c r="J40" s="70" t="s">
        <v>47</v>
      </c>
      <c r="K40" s="71" t="e">
        <v>#VALUE!</v>
      </c>
      <c r="L40" s="69" t="s">
        <v>47</v>
      </c>
      <c r="M40" s="70" t="s">
        <v>47</v>
      </c>
      <c r="N40" s="67" t="e">
        <v>#VALUE!</v>
      </c>
      <c r="O40" s="64" t="s">
        <v>53</v>
      </c>
      <c r="P40" s="54" t="s">
        <v>53</v>
      </c>
      <c r="Q40" s="63" t="e">
        <v>#VALUE!</v>
      </c>
    </row>
    <row r="41" spans="1:17" ht="19.5" hidden="1" customHeight="1" thickTop="1" thickBot="1" x14ac:dyDescent="0.2">
      <c r="A41" s="52">
        <v>36</v>
      </c>
      <c r="B41" s="116" t="s">
        <v>55</v>
      </c>
      <c r="C41" s="65"/>
      <c r="D41" s="68"/>
      <c r="E41" s="66"/>
      <c r="F41" s="65" t="s">
        <v>47</v>
      </c>
      <c r="G41" s="68" t="s">
        <v>47</v>
      </c>
      <c r="H41" s="66" t="e">
        <v>#VALUE!</v>
      </c>
      <c r="I41" s="69" t="s">
        <v>47</v>
      </c>
      <c r="J41" s="70" t="s">
        <v>47</v>
      </c>
      <c r="K41" s="71" t="e">
        <v>#VALUE!</v>
      </c>
      <c r="L41" s="69" t="s">
        <v>47</v>
      </c>
      <c r="M41" s="70" t="s">
        <v>47</v>
      </c>
      <c r="N41" s="67" t="e">
        <v>#VALUE!</v>
      </c>
      <c r="O41" s="64" t="s">
        <v>53</v>
      </c>
      <c r="P41" s="54" t="s">
        <v>53</v>
      </c>
      <c r="Q41" s="63" t="e">
        <v>#VALUE!</v>
      </c>
    </row>
    <row r="42" spans="1:17" ht="19.5" hidden="1" customHeight="1" thickTop="1" thickBot="1" x14ac:dyDescent="0.2">
      <c r="A42" s="52">
        <v>37</v>
      </c>
      <c r="B42" s="116" t="s">
        <v>56</v>
      </c>
      <c r="C42" s="56"/>
      <c r="D42" s="59"/>
      <c r="E42" s="57"/>
      <c r="F42" s="56" t="s">
        <v>47</v>
      </c>
      <c r="G42" s="59" t="s">
        <v>47</v>
      </c>
      <c r="H42" s="57" t="e">
        <v>#VALUE!</v>
      </c>
      <c r="I42" s="60" t="s">
        <v>47</v>
      </c>
      <c r="J42" s="61" t="s">
        <v>47</v>
      </c>
      <c r="K42" s="62" t="e">
        <v>#VALUE!</v>
      </c>
      <c r="L42" s="60" t="s">
        <v>47</v>
      </c>
      <c r="M42" s="61" t="s">
        <v>47</v>
      </c>
      <c r="N42" s="58" t="e">
        <v>#VALUE!</v>
      </c>
      <c r="O42" s="53" t="s">
        <v>53</v>
      </c>
      <c r="P42" s="54" t="s">
        <v>53</v>
      </c>
      <c r="Q42" s="63" t="e">
        <v>#VALUE!</v>
      </c>
    </row>
    <row r="43" spans="1:17" ht="19.5" customHeight="1" thickTop="1" x14ac:dyDescent="0.15">
      <c r="A43" s="72">
        <v>301</v>
      </c>
      <c r="B43" s="117" t="s">
        <v>57</v>
      </c>
      <c r="C43" s="75">
        <v>9824</v>
      </c>
      <c r="D43" s="76">
        <v>3</v>
      </c>
      <c r="E43" s="77">
        <v>8.76</v>
      </c>
      <c r="F43" s="75">
        <v>10279</v>
      </c>
      <c r="G43" s="76">
        <v>3</v>
      </c>
      <c r="H43" s="77">
        <v>4.63</v>
      </c>
      <c r="I43" s="78">
        <v>10882</v>
      </c>
      <c r="J43" s="79">
        <v>2</v>
      </c>
      <c r="K43" s="80">
        <v>5.87</v>
      </c>
      <c r="L43" s="78">
        <v>10785</v>
      </c>
      <c r="M43" s="79">
        <v>3</v>
      </c>
      <c r="N43" s="81">
        <v>-0.89</v>
      </c>
      <c r="O43" s="74">
        <v>11119</v>
      </c>
      <c r="P43" s="73">
        <v>3</v>
      </c>
      <c r="Q43" s="82">
        <v>3.1</v>
      </c>
    </row>
    <row r="44" spans="1:17" ht="19.5" customHeight="1" x14ac:dyDescent="0.15">
      <c r="A44" s="20">
        <v>302</v>
      </c>
      <c r="B44" s="114" t="s">
        <v>58</v>
      </c>
      <c r="C44" s="33">
        <v>10386</v>
      </c>
      <c r="D44" s="34">
        <v>1</v>
      </c>
      <c r="E44" s="35">
        <v>2.5299999999999998</v>
      </c>
      <c r="F44" s="33">
        <v>10926</v>
      </c>
      <c r="G44" s="34">
        <v>1</v>
      </c>
      <c r="H44" s="35">
        <v>5.2</v>
      </c>
      <c r="I44" s="36">
        <v>11034</v>
      </c>
      <c r="J44" s="37">
        <v>1</v>
      </c>
      <c r="K44" s="38">
        <v>0.99</v>
      </c>
      <c r="L44" s="36">
        <v>11281</v>
      </c>
      <c r="M44" s="37">
        <v>1</v>
      </c>
      <c r="N44" s="39">
        <v>2.2400000000000002</v>
      </c>
      <c r="O44" s="22">
        <v>11576</v>
      </c>
      <c r="P44" s="21">
        <v>1</v>
      </c>
      <c r="Q44" s="30">
        <v>2.62</v>
      </c>
    </row>
    <row r="45" spans="1:17" ht="19.5" customHeight="1" x14ac:dyDescent="0.15">
      <c r="A45" s="20">
        <v>303</v>
      </c>
      <c r="B45" s="114" t="s">
        <v>59</v>
      </c>
      <c r="C45" s="33">
        <v>3799</v>
      </c>
      <c r="D45" s="34">
        <v>6</v>
      </c>
      <c r="E45" s="35">
        <v>14.19</v>
      </c>
      <c r="F45" s="33">
        <v>3848</v>
      </c>
      <c r="G45" s="34">
        <v>6</v>
      </c>
      <c r="H45" s="35">
        <v>1.29</v>
      </c>
      <c r="I45" s="36">
        <v>4559</v>
      </c>
      <c r="J45" s="37">
        <v>6</v>
      </c>
      <c r="K45" s="38">
        <v>18.48</v>
      </c>
      <c r="L45" s="36">
        <v>4676</v>
      </c>
      <c r="M45" s="37">
        <v>6</v>
      </c>
      <c r="N45" s="39">
        <v>2.57</v>
      </c>
      <c r="O45" s="22">
        <v>5055</v>
      </c>
      <c r="P45" s="21">
        <v>6</v>
      </c>
      <c r="Q45" s="30">
        <v>8.11</v>
      </c>
    </row>
    <row r="46" spans="1:17" ht="19.5" customHeight="1" x14ac:dyDescent="0.15">
      <c r="A46" s="20">
        <v>304</v>
      </c>
      <c r="B46" s="114" t="s">
        <v>60</v>
      </c>
      <c r="C46" s="33">
        <v>8829</v>
      </c>
      <c r="D46" s="34">
        <v>4</v>
      </c>
      <c r="E46" s="35">
        <v>8.64</v>
      </c>
      <c r="F46" s="33">
        <v>9594</v>
      </c>
      <c r="G46" s="34">
        <v>4</v>
      </c>
      <c r="H46" s="35">
        <v>8.66</v>
      </c>
      <c r="I46" s="36">
        <v>9808</v>
      </c>
      <c r="J46" s="37">
        <v>4</v>
      </c>
      <c r="K46" s="38">
        <v>2.23</v>
      </c>
      <c r="L46" s="36">
        <v>9405</v>
      </c>
      <c r="M46" s="37">
        <v>4</v>
      </c>
      <c r="N46" s="39">
        <v>-4.1100000000000003</v>
      </c>
      <c r="O46" s="22">
        <v>9272</v>
      </c>
      <c r="P46" s="21">
        <v>4</v>
      </c>
      <c r="Q46" s="30">
        <v>-1.41</v>
      </c>
    </row>
    <row r="47" spans="1:17" ht="19.5" customHeight="1" x14ac:dyDescent="0.15">
      <c r="A47" s="20">
        <v>305</v>
      </c>
      <c r="B47" s="114" t="s">
        <v>61</v>
      </c>
      <c r="C47" s="33">
        <v>10336</v>
      </c>
      <c r="D47" s="34">
        <v>2</v>
      </c>
      <c r="E47" s="35">
        <v>6.13</v>
      </c>
      <c r="F47" s="33">
        <v>10578</v>
      </c>
      <c r="G47" s="34">
        <v>2</v>
      </c>
      <c r="H47" s="35">
        <v>2.34</v>
      </c>
      <c r="I47" s="36">
        <v>10609</v>
      </c>
      <c r="J47" s="37">
        <v>3</v>
      </c>
      <c r="K47" s="38">
        <v>0.28999999999999998</v>
      </c>
      <c r="L47" s="36">
        <v>10986</v>
      </c>
      <c r="M47" s="37">
        <v>2</v>
      </c>
      <c r="N47" s="39">
        <v>3.55</v>
      </c>
      <c r="O47" s="22">
        <v>11304</v>
      </c>
      <c r="P47" s="21">
        <v>2</v>
      </c>
      <c r="Q47" s="30">
        <v>2.89</v>
      </c>
    </row>
    <row r="48" spans="1:17" ht="19.5" customHeight="1" thickBot="1" x14ac:dyDescent="0.2">
      <c r="A48" s="41">
        <v>306</v>
      </c>
      <c r="B48" s="115" t="s">
        <v>62</v>
      </c>
      <c r="C48" s="83">
        <v>6395</v>
      </c>
      <c r="D48" s="84">
        <v>5</v>
      </c>
      <c r="E48" s="85">
        <v>8.57</v>
      </c>
      <c r="F48" s="83">
        <v>6595</v>
      </c>
      <c r="G48" s="84">
        <v>5</v>
      </c>
      <c r="H48" s="85">
        <v>3.13</v>
      </c>
      <c r="I48" s="86">
        <v>6779</v>
      </c>
      <c r="J48" s="87">
        <v>5</v>
      </c>
      <c r="K48" s="88">
        <v>2.79</v>
      </c>
      <c r="L48" s="86">
        <v>6914</v>
      </c>
      <c r="M48" s="87">
        <v>5</v>
      </c>
      <c r="N48" s="89">
        <v>1.99</v>
      </c>
      <c r="O48" s="43">
        <v>7011</v>
      </c>
      <c r="P48" s="42">
        <v>5</v>
      </c>
      <c r="Q48" s="51">
        <v>1.4</v>
      </c>
    </row>
    <row r="49" spans="1:17" ht="19.5" customHeight="1" thickTop="1" thickBot="1" x14ac:dyDescent="0.2">
      <c r="A49" s="243" t="s">
        <v>63</v>
      </c>
      <c r="B49" s="244"/>
      <c r="C49" s="92">
        <v>2429</v>
      </c>
      <c r="D49" s="93" t="s">
        <v>53</v>
      </c>
      <c r="E49" s="94">
        <v>6.4</v>
      </c>
      <c r="F49" s="92">
        <v>2471</v>
      </c>
      <c r="G49" s="93" t="s">
        <v>47</v>
      </c>
      <c r="H49" s="94">
        <v>1.73</v>
      </c>
      <c r="I49" s="95">
        <v>2598</v>
      </c>
      <c r="J49" s="96" t="s">
        <v>47</v>
      </c>
      <c r="K49" s="97">
        <v>5.14</v>
      </c>
      <c r="L49" s="95">
        <v>2802</v>
      </c>
      <c r="M49" s="98" t="s">
        <v>47</v>
      </c>
      <c r="N49" s="99">
        <v>7.85</v>
      </c>
      <c r="O49" s="91">
        <v>2998</v>
      </c>
      <c r="P49" s="90" t="s">
        <v>47</v>
      </c>
      <c r="Q49" s="100">
        <v>7</v>
      </c>
    </row>
    <row r="50" spans="1:17" ht="19.5" customHeight="1" thickTop="1" thickBot="1" x14ac:dyDescent="0.2">
      <c r="A50" s="243" t="s">
        <v>64</v>
      </c>
      <c r="B50" s="244"/>
      <c r="C50" s="92">
        <v>7130</v>
      </c>
      <c r="D50" s="93" t="s">
        <v>53</v>
      </c>
      <c r="E50" s="94">
        <v>8.18</v>
      </c>
      <c r="F50" s="92">
        <v>7424</v>
      </c>
      <c r="G50" s="93" t="s">
        <v>47</v>
      </c>
      <c r="H50" s="94">
        <v>4.12</v>
      </c>
      <c r="I50" s="95">
        <v>7729</v>
      </c>
      <c r="J50" s="96" t="s">
        <v>47</v>
      </c>
      <c r="K50" s="97">
        <v>4.1100000000000003</v>
      </c>
      <c r="L50" s="95">
        <v>7883</v>
      </c>
      <c r="M50" s="98" t="s">
        <v>47</v>
      </c>
      <c r="N50" s="99">
        <v>1.99</v>
      </c>
      <c r="O50" s="91">
        <v>8085</v>
      </c>
      <c r="P50" s="90" t="s">
        <v>47</v>
      </c>
      <c r="Q50" s="63">
        <v>2.56</v>
      </c>
    </row>
    <row r="51" spans="1:17" ht="19.5" customHeight="1" thickTop="1" thickBot="1" x14ac:dyDescent="0.2">
      <c r="A51" s="234" t="s">
        <v>65</v>
      </c>
      <c r="B51" s="235"/>
      <c r="C51" s="104">
        <v>2727</v>
      </c>
      <c r="D51" s="105" t="s">
        <v>53</v>
      </c>
      <c r="E51" s="106">
        <v>6.44</v>
      </c>
      <c r="F51" s="104">
        <v>2784</v>
      </c>
      <c r="G51" s="105" t="s">
        <v>47</v>
      </c>
      <c r="H51" s="106">
        <v>2.09</v>
      </c>
      <c r="I51" s="107">
        <v>2933</v>
      </c>
      <c r="J51" s="108" t="s">
        <v>47</v>
      </c>
      <c r="K51" s="109">
        <v>5.35</v>
      </c>
      <c r="L51" s="107">
        <v>3140</v>
      </c>
      <c r="M51" s="110" t="s">
        <v>47</v>
      </c>
      <c r="N51" s="111">
        <v>7.06</v>
      </c>
      <c r="O51" s="102">
        <v>3345</v>
      </c>
      <c r="P51" s="101" t="s">
        <v>47</v>
      </c>
      <c r="Q51" s="112">
        <v>6.53</v>
      </c>
    </row>
    <row r="52" spans="1:17" ht="13.5" customHeight="1" x14ac:dyDescent="0.15">
      <c r="A52" s="236"/>
      <c r="B52" s="236"/>
      <c r="C52" s="236"/>
      <c r="D52" s="236"/>
      <c r="E52" s="236"/>
      <c r="F52" s="236"/>
      <c r="G52" s="236"/>
      <c r="H52" s="236"/>
      <c r="I52" s="236"/>
      <c r="J52" s="236"/>
      <c r="K52" s="236"/>
      <c r="L52" s="236"/>
      <c r="M52" s="236"/>
      <c r="N52" s="236"/>
      <c r="O52" s="236"/>
      <c r="P52" s="236"/>
      <c r="Q52" s="236"/>
    </row>
  </sheetData>
  <mergeCells count="10">
    <mergeCell ref="A51:B51"/>
    <mergeCell ref="A52:Q52"/>
    <mergeCell ref="F3:H3"/>
    <mergeCell ref="I3:K3"/>
    <mergeCell ref="L3:N3"/>
    <mergeCell ref="O3:Q3"/>
    <mergeCell ref="A49:B49"/>
    <mergeCell ref="A50:B50"/>
    <mergeCell ref="C3:E3"/>
    <mergeCell ref="A3:B5"/>
  </mergeCells>
  <phoneticPr fontId="3"/>
  <printOptions horizontalCentered="1" gridLinesSet="0"/>
  <pageMargins left="0.59055118110236227" right="0.59055118110236227" top="0.59055118110236227" bottom="0.59055118110236227" header="0.35433070866141736" footer="0.19685039370078741"/>
  <pageSetup paperSize="9" scale="87" orientation="portrait" blackAndWhite="1" r:id="rId1"/>
  <headerFooter alignWithMargins="0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transitionEntry="1"/>
  <dimension ref="A1:Q51"/>
  <sheetViews>
    <sheetView zoomScaleNormal="100" zoomScaleSheetLayoutView="100" workbookViewId="0"/>
  </sheetViews>
  <sheetFormatPr defaultColWidth="9" defaultRowHeight="10.8" x14ac:dyDescent="0.15"/>
  <cols>
    <col min="1" max="1" width="3.6640625" style="113" customWidth="1"/>
    <col min="2" max="2" width="9.88671875" style="113" customWidth="1"/>
    <col min="3" max="3" width="8.109375" style="113" customWidth="1"/>
    <col min="4" max="4" width="3.109375" style="113" customWidth="1"/>
    <col min="5" max="5" width="6.6640625" style="113" customWidth="1"/>
    <col min="6" max="6" width="8.109375" style="113" customWidth="1"/>
    <col min="7" max="7" width="3.109375" style="113" customWidth="1"/>
    <col min="8" max="8" width="6.6640625" style="113" customWidth="1"/>
    <col min="9" max="9" width="8.109375" style="113" customWidth="1"/>
    <col min="10" max="10" width="3.109375" style="113" customWidth="1"/>
    <col min="11" max="11" width="6.6640625" style="113" customWidth="1"/>
    <col min="12" max="12" width="8.109375" style="113" customWidth="1"/>
    <col min="13" max="13" width="3.109375" style="113" customWidth="1"/>
    <col min="14" max="14" width="6.6640625" style="113" customWidth="1"/>
    <col min="15" max="15" width="8.109375" style="113" customWidth="1"/>
    <col min="16" max="16" width="3.109375" style="113" customWidth="1"/>
    <col min="17" max="17" width="6.6640625" style="113" customWidth="1"/>
    <col min="18" max="16384" width="9" style="113"/>
  </cols>
  <sheetData>
    <row r="1" spans="1:17" ht="16.5" customHeight="1" x14ac:dyDescent="0.2">
      <c r="A1" s="138" t="s">
        <v>66</v>
      </c>
    </row>
    <row r="2" spans="1:17" ht="11.1" customHeight="1" thickBot="1" x14ac:dyDescent="0.2">
      <c r="C2" s="118"/>
      <c r="D2" s="118"/>
      <c r="E2" s="118"/>
      <c r="F2" s="118"/>
      <c r="G2" s="118"/>
      <c r="H2" s="118"/>
      <c r="I2" s="118"/>
      <c r="J2" s="118"/>
      <c r="K2" s="118"/>
      <c r="L2" s="118"/>
      <c r="M2" s="118"/>
      <c r="N2" s="118"/>
    </row>
    <row r="3" spans="1:17" ht="15" customHeight="1" x14ac:dyDescent="0.15">
      <c r="A3" s="264" t="s">
        <v>1</v>
      </c>
      <c r="B3" s="265"/>
      <c r="C3" s="245" t="s">
        <v>2</v>
      </c>
      <c r="D3" s="258"/>
      <c r="E3" s="259"/>
      <c r="F3" s="245" t="s">
        <v>3</v>
      </c>
      <c r="G3" s="258"/>
      <c r="H3" s="259"/>
      <c r="I3" s="260" t="s">
        <v>4</v>
      </c>
      <c r="J3" s="261"/>
      <c r="K3" s="262"/>
      <c r="L3" s="260" t="s">
        <v>5</v>
      </c>
      <c r="M3" s="261"/>
      <c r="N3" s="262"/>
      <c r="O3" s="260" t="s">
        <v>6</v>
      </c>
      <c r="P3" s="261"/>
      <c r="Q3" s="263"/>
    </row>
    <row r="4" spans="1:17" ht="12.75" customHeight="1" x14ac:dyDescent="0.15">
      <c r="A4" s="266"/>
      <c r="B4" s="267"/>
      <c r="C4" s="127" t="s">
        <v>67</v>
      </c>
      <c r="D4" s="139" t="s">
        <v>8</v>
      </c>
      <c r="E4" s="140" t="s">
        <v>68</v>
      </c>
      <c r="F4" s="122" t="s">
        <v>67</v>
      </c>
      <c r="G4" s="141" t="s">
        <v>8</v>
      </c>
      <c r="H4" s="142" t="s">
        <v>69</v>
      </c>
      <c r="I4" s="127" t="s">
        <v>67</v>
      </c>
      <c r="J4" s="121" t="s">
        <v>8</v>
      </c>
      <c r="K4" s="143" t="s">
        <v>11</v>
      </c>
      <c r="L4" s="122" t="s">
        <v>67</v>
      </c>
      <c r="M4" s="144" t="s">
        <v>8</v>
      </c>
      <c r="N4" s="142" t="s">
        <v>70</v>
      </c>
      <c r="O4" s="145" t="s">
        <v>67</v>
      </c>
      <c r="P4" s="146" t="s">
        <v>8</v>
      </c>
      <c r="Q4" s="147" t="s">
        <v>13</v>
      </c>
    </row>
    <row r="5" spans="1:17" ht="12.75" customHeight="1" x14ac:dyDescent="0.15">
      <c r="A5" s="268"/>
      <c r="B5" s="269"/>
      <c r="C5" s="124" t="s">
        <v>14</v>
      </c>
      <c r="D5" s="120" t="s">
        <v>17</v>
      </c>
      <c r="E5" s="148" t="s">
        <v>15</v>
      </c>
      <c r="F5" s="124" t="s">
        <v>14</v>
      </c>
      <c r="G5" s="120" t="s">
        <v>71</v>
      </c>
      <c r="H5" s="149" t="s">
        <v>15</v>
      </c>
      <c r="I5" s="124" t="s">
        <v>14</v>
      </c>
      <c r="J5" s="123" t="s">
        <v>17</v>
      </c>
      <c r="K5" s="150" t="s">
        <v>15</v>
      </c>
      <c r="L5" s="124" t="s">
        <v>14</v>
      </c>
      <c r="M5" s="123" t="s">
        <v>71</v>
      </c>
      <c r="N5" s="150" t="s">
        <v>15</v>
      </c>
      <c r="O5" s="151" t="s">
        <v>14</v>
      </c>
      <c r="P5" s="148" t="s">
        <v>71</v>
      </c>
      <c r="Q5" s="152" t="s">
        <v>15</v>
      </c>
    </row>
    <row r="6" spans="1:17" ht="19.5" customHeight="1" x14ac:dyDescent="0.15">
      <c r="A6" s="153">
        <v>1</v>
      </c>
      <c r="B6" s="114" t="s">
        <v>18</v>
      </c>
      <c r="C6" s="128">
        <v>16468</v>
      </c>
      <c r="D6" s="154">
        <v>16</v>
      </c>
      <c r="E6" s="25">
        <v>-0.11</v>
      </c>
      <c r="F6" s="128">
        <v>15470</v>
      </c>
      <c r="G6" s="154">
        <v>15</v>
      </c>
      <c r="H6" s="25">
        <v>-6.06</v>
      </c>
      <c r="I6" s="155">
        <v>16641</v>
      </c>
      <c r="J6" s="156">
        <v>11</v>
      </c>
      <c r="K6" s="28">
        <v>7.57</v>
      </c>
      <c r="L6" s="26">
        <v>15668</v>
      </c>
      <c r="M6" s="157">
        <v>8</v>
      </c>
      <c r="N6" s="29">
        <v>-5.85</v>
      </c>
      <c r="O6" s="22">
        <v>15385</v>
      </c>
      <c r="P6" s="158">
        <v>7</v>
      </c>
      <c r="Q6" s="30">
        <v>-1.81</v>
      </c>
    </row>
    <row r="7" spans="1:17" ht="19.5" customHeight="1" x14ac:dyDescent="0.15">
      <c r="A7" s="153">
        <v>2</v>
      </c>
      <c r="B7" s="114" t="s">
        <v>19</v>
      </c>
      <c r="C7" s="128">
        <v>27098</v>
      </c>
      <c r="D7" s="154">
        <v>5</v>
      </c>
      <c r="E7" s="25">
        <v>29.78</v>
      </c>
      <c r="F7" s="128">
        <v>19157</v>
      </c>
      <c r="G7" s="154">
        <v>11</v>
      </c>
      <c r="H7" s="25">
        <v>-29.3</v>
      </c>
      <c r="I7" s="155">
        <v>44502</v>
      </c>
      <c r="J7" s="156">
        <v>1</v>
      </c>
      <c r="K7" s="28">
        <v>132.30000000000001</v>
      </c>
      <c r="L7" s="26">
        <v>13614</v>
      </c>
      <c r="M7" s="157">
        <v>10</v>
      </c>
      <c r="N7" s="29">
        <v>-69.41</v>
      </c>
      <c r="O7" s="22">
        <v>14302</v>
      </c>
      <c r="P7" s="158">
        <v>8</v>
      </c>
      <c r="Q7" s="30">
        <v>5.05</v>
      </c>
    </row>
    <row r="8" spans="1:17" ht="19.5" customHeight="1" x14ac:dyDescent="0.15">
      <c r="A8" s="153">
        <v>3</v>
      </c>
      <c r="B8" s="114" t="s">
        <v>20</v>
      </c>
      <c r="C8" s="128">
        <v>20801</v>
      </c>
      <c r="D8" s="154">
        <v>12</v>
      </c>
      <c r="E8" s="25">
        <v>-14.53</v>
      </c>
      <c r="F8" s="128">
        <v>18774</v>
      </c>
      <c r="G8" s="154">
        <v>12</v>
      </c>
      <c r="H8" s="25">
        <v>-9.74</v>
      </c>
      <c r="I8" s="155">
        <v>13225</v>
      </c>
      <c r="J8" s="156">
        <v>15</v>
      </c>
      <c r="K8" s="28">
        <v>-29.56</v>
      </c>
      <c r="L8" s="26">
        <v>3578</v>
      </c>
      <c r="M8" s="157">
        <v>22</v>
      </c>
      <c r="N8" s="29">
        <v>-72.95</v>
      </c>
      <c r="O8" s="22">
        <v>3266</v>
      </c>
      <c r="P8" s="158">
        <v>22</v>
      </c>
      <c r="Q8" s="30">
        <v>-8.7200000000000006</v>
      </c>
    </row>
    <row r="9" spans="1:17" ht="19.5" customHeight="1" x14ac:dyDescent="0.15">
      <c r="A9" s="153">
        <v>4</v>
      </c>
      <c r="B9" s="114" t="s">
        <v>21</v>
      </c>
      <c r="C9" s="128">
        <v>21857</v>
      </c>
      <c r="D9" s="154">
        <v>8</v>
      </c>
      <c r="E9" s="25">
        <v>16.04</v>
      </c>
      <c r="F9" s="128">
        <v>16375</v>
      </c>
      <c r="G9" s="154">
        <v>13</v>
      </c>
      <c r="H9" s="25">
        <v>-25.08</v>
      </c>
      <c r="I9" s="155">
        <v>15535</v>
      </c>
      <c r="J9" s="156">
        <v>12</v>
      </c>
      <c r="K9" s="28">
        <v>-5.13</v>
      </c>
      <c r="L9" s="26">
        <v>8189</v>
      </c>
      <c r="M9" s="157">
        <v>15</v>
      </c>
      <c r="N9" s="29">
        <v>-47.29</v>
      </c>
      <c r="O9" s="22">
        <v>4676</v>
      </c>
      <c r="P9" s="158">
        <v>19</v>
      </c>
      <c r="Q9" s="30">
        <v>-42.9</v>
      </c>
    </row>
    <row r="10" spans="1:17" ht="19.5" customHeight="1" x14ac:dyDescent="0.15">
      <c r="A10" s="153">
        <v>5</v>
      </c>
      <c r="B10" s="114" t="s">
        <v>22</v>
      </c>
      <c r="C10" s="128">
        <v>13324</v>
      </c>
      <c r="D10" s="154">
        <v>22</v>
      </c>
      <c r="E10" s="25">
        <v>14.08</v>
      </c>
      <c r="F10" s="128">
        <v>25355</v>
      </c>
      <c r="G10" s="154">
        <v>3</v>
      </c>
      <c r="H10" s="25">
        <v>90.3</v>
      </c>
      <c r="I10" s="155">
        <v>19419</v>
      </c>
      <c r="J10" s="156">
        <v>7</v>
      </c>
      <c r="K10" s="28">
        <v>-23.41</v>
      </c>
      <c r="L10" s="26">
        <v>19218</v>
      </c>
      <c r="M10" s="157">
        <v>4</v>
      </c>
      <c r="N10" s="29">
        <v>-1.04</v>
      </c>
      <c r="O10" s="22">
        <v>20855</v>
      </c>
      <c r="P10" s="158">
        <v>2</v>
      </c>
      <c r="Q10" s="30">
        <v>8.52</v>
      </c>
    </row>
    <row r="11" spans="1:17" ht="19.5" customHeight="1" x14ac:dyDescent="0.15">
      <c r="A11" s="153">
        <v>6</v>
      </c>
      <c r="B11" s="114" t="s">
        <v>23</v>
      </c>
      <c r="C11" s="128">
        <v>11479</v>
      </c>
      <c r="D11" s="154">
        <v>23</v>
      </c>
      <c r="E11" s="25">
        <v>13.1</v>
      </c>
      <c r="F11" s="128">
        <v>13545</v>
      </c>
      <c r="G11" s="154">
        <v>18</v>
      </c>
      <c r="H11" s="25">
        <v>18</v>
      </c>
      <c r="I11" s="155">
        <v>14346</v>
      </c>
      <c r="J11" s="156">
        <v>13</v>
      </c>
      <c r="K11" s="28">
        <v>5.91</v>
      </c>
      <c r="L11" s="26">
        <v>8105</v>
      </c>
      <c r="M11" s="157">
        <v>16</v>
      </c>
      <c r="N11" s="29">
        <v>-43.5</v>
      </c>
      <c r="O11" s="22">
        <v>7249</v>
      </c>
      <c r="P11" s="158">
        <v>15</v>
      </c>
      <c r="Q11" s="30">
        <v>-10.56</v>
      </c>
    </row>
    <row r="12" spans="1:17" ht="19.5" customHeight="1" x14ac:dyDescent="0.15">
      <c r="A12" s="153">
        <v>7</v>
      </c>
      <c r="B12" s="114" t="s">
        <v>24</v>
      </c>
      <c r="C12" s="128">
        <v>15546</v>
      </c>
      <c r="D12" s="154">
        <v>19</v>
      </c>
      <c r="E12" s="25">
        <v>-4.22</v>
      </c>
      <c r="F12" s="128">
        <v>7644</v>
      </c>
      <c r="G12" s="154">
        <v>23</v>
      </c>
      <c r="H12" s="25">
        <v>-50.83</v>
      </c>
      <c r="I12" s="155">
        <v>8667</v>
      </c>
      <c r="J12" s="156">
        <v>21</v>
      </c>
      <c r="K12" s="28">
        <v>13.38</v>
      </c>
      <c r="L12" s="26">
        <v>7400</v>
      </c>
      <c r="M12" s="157">
        <v>17</v>
      </c>
      <c r="N12" s="29">
        <v>-14.62</v>
      </c>
      <c r="O12" s="22">
        <v>6433</v>
      </c>
      <c r="P12" s="158">
        <v>17</v>
      </c>
      <c r="Q12" s="30">
        <v>-13.07</v>
      </c>
    </row>
    <row r="13" spans="1:17" ht="19.5" customHeight="1" x14ac:dyDescent="0.15">
      <c r="A13" s="153">
        <v>8</v>
      </c>
      <c r="B13" s="114" t="s">
        <v>25</v>
      </c>
      <c r="C13" s="128">
        <v>14799</v>
      </c>
      <c r="D13" s="154">
        <v>20</v>
      </c>
      <c r="E13" s="25">
        <v>22.81</v>
      </c>
      <c r="F13" s="128">
        <v>3588</v>
      </c>
      <c r="G13" s="154">
        <v>28</v>
      </c>
      <c r="H13" s="25">
        <v>-75.760000000000005</v>
      </c>
      <c r="I13" s="155">
        <v>4171</v>
      </c>
      <c r="J13" s="156">
        <v>24</v>
      </c>
      <c r="K13" s="28">
        <v>16.25</v>
      </c>
      <c r="L13" s="26">
        <v>4260</v>
      </c>
      <c r="M13" s="157">
        <v>21</v>
      </c>
      <c r="N13" s="29">
        <v>2.13</v>
      </c>
      <c r="O13" s="22">
        <v>4361</v>
      </c>
      <c r="P13" s="158">
        <v>20</v>
      </c>
      <c r="Q13" s="30">
        <v>2.37</v>
      </c>
    </row>
    <row r="14" spans="1:17" ht="19.5" customHeight="1" x14ac:dyDescent="0.15">
      <c r="A14" s="153">
        <v>9</v>
      </c>
      <c r="B14" s="114" t="s">
        <v>26</v>
      </c>
      <c r="C14" s="128">
        <v>23017</v>
      </c>
      <c r="D14" s="154">
        <v>6</v>
      </c>
      <c r="E14" s="25">
        <v>-14.68</v>
      </c>
      <c r="F14" s="128">
        <v>24316</v>
      </c>
      <c r="G14" s="154">
        <v>5</v>
      </c>
      <c r="H14" s="25">
        <v>5.64</v>
      </c>
      <c r="I14" s="155">
        <v>25866</v>
      </c>
      <c r="J14" s="156">
        <v>3</v>
      </c>
      <c r="K14" s="28">
        <v>6.37</v>
      </c>
      <c r="L14" s="26">
        <v>12117</v>
      </c>
      <c r="M14" s="157">
        <v>12</v>
      </c>
      <c r="N14" s="29">
        <v>-53.15</v>
      </c>
      <c r="O14" s="22">
        <v>14098</v>
      </c>
      <c r="P14" s="158">
        <v>9</v>
      </c>
      <c r="Q14" s="30">
        <v>16.350000000000001</v>
      </c>
    </row>
    <row r="15" spans="1:17" ht="19.5" customHeight="1" x14ac:dyDescent="0.15">
      <c r="A15" s="153">
        <v>10</v>
      </c>
      <c r="B15" s="114" t="s">
        <v>27</v>
      </c>
      <c r="C15" s="128">
        <v>27485</v>
      </c>
      <c r="D15" s="154">
        <v>4</v>
      </c>
      <c r="E15" s="25">
        <v>19.52</v>
      </c>
      <c r="F15" s="128">
        <v>19709</v>
      </c>
      <c r="G15" s="154">
        <v>10</v>
      </c>
      <c r="H15" s="25">
        <v>-28.29</v>
      </c>
      <c r="I15" s="155">
        <v>20702</v>
      </c>
      <c r="J15" s="156">
        <v>6</v>
      </c>
      <c r="K15" s="28">
        <v>5.04</v>
      </c>
      <c r="L15" s="26">
        <v>17926</v>
      </c>
      <c r="M15" s="157">
        <v>6</v>
      </c>
      <c r="N15" s="29">
        <v>-13.41</v>
      </c>
      <c r="O15" s="22">
        <v>11358</v>
      </c>
      <c r="P15" s="158">
        <v>13</v>
      </c>
      <c r="Q15" s="30">
        <v>-36.64</v>
      </c>
    </row>
    <row r="16" spans="1:17" ht="19.5" customHeight="1" x14ac:dyDescent="0.15">
      <c r="A16" s="153">
        <v>11</v>
      </c>
      <c r="B16" s="114" t="s">
        <v>28</v>
      </c>
      <c r="C16" s="128">
        <v>18307</v>
      </c>
      <c r="D16" s="154">
        <v>14</v>
      </c>
      <c r="E16" s="25">
        <v>55.91</v>
      </c>
      <c r="F16" s="128">
        <v>7600</v>
      </c>
      <c r="G16" s="154">
        <v>24</v>
      </c>
      <c r="H16" s="25">
        <v>-58.49</v>
      </c>
      <c r="I16" s="155">
        <v>3948</v>
      </c>
      <c r="J16" s="156">
        <v>25</v>
      </c>
      <c r="K16" s="28">
        <v>-48.05</v>
      </c>
      <c r="L16" s="26">
        <v>6916</v>
      </c>
      <c r="M16" s="157">
        <v>18</v>
      </c>
      <c r="N16" s="29">
        <v>75.180000000000007</v>
      </c>
      <c r="O16" s="22">
        <v>4768</v>
      </c>
      <c r="P16" s="158">
        <v>18</v>
      </c>
      <c r="Q16" s="30">
        <v>-31.06</v>
      </c>
    </row>
    <row r="17" spans="1:17" ht="19.5" customHeight="1" x14ac:dyDescent="0.15">
      <c r="A17" s="153">
        <v>12</v>
      </c>
      <c r="B17" s="114" t="s">
        <v>29</v>
      </c>
      <c r="C17" s="128">
        <v>19787</v>
      </c>
      <c r="D17" s="154">
        <v>13</v>
      </c>
      <c r="E17" s="25">
        <v>-23.08</v>
      </c>
      <c r="F17" s="128">
        <v>13136</v>
      </c>
      <c r="G17" s="154">
        <v>19</v>
      </c>
      <c r="H17" s="25">
        <v>-33.61</v>
      </c>
      <c r="I17" s="155">
        <v>17811</v>
      </c>
      <c r="J17" s="156">
        <v>9</v>
      </c>
      <c r="K17" s="28">
        <v>35.590000000000003</v>
      </c>
      <c r="L17" s="26">
        <v>17970</v>
      </c>
      <c r="M17" s="157">
        <v>5</v>
      </c>
      <c r="N17" s="29">
        <v>0.89</v>
      </c>
      <c r="O17" s="22">
        <v>21740</v>
      </c>
      <c r="P17" s="158">
        <v>1</v>
      </c>
      <c r="Q17" s="30">
        <v>20.98</v>
      </c>
    </row>
    <row r="18" spans="1:17" ht="19.5" customHeight="1" x14ac:dyDescent="0.15">
      <c r="A18" s="153">
        <v>13</v>
      </c>
      <c r="B18" s="114" t="s">
        <v>30</v>
      </c>
      <c r="C18" s="128">
        <v>21811</v>
      </c>
      <c r="D18" s="154">
        <v>9</v>
      </c>
      <c r="E18" s="25">
        <v>-10.9</v>
      </c>
      <c r="F18" s="128">
        <v>14927</v>
      </c>
      <c r="G18" s="154">
        <v>16</v>
      </c>
      <c r="H18" s="25">
        <v>-31.56</v>
      </c>
      <c r="I18" s="155">
        <v>9099</v>
      </c>
      <c r="J18" s="156">
        <v>20</v>
      </c>
      <c r="K18" s="28">
        <v>-39.04</v>
      </c>
      <c r="L18" s="26">
        <v>16992</v>
      </c>
      <c r="M18" s="157">
        <v>7</v>
      </c>
      <c r="N18" s="29">
        <v>86.75</v>
      </c>
      <c r="O18" s="22">
        <v>11610</v>
      </c>
      <c r="P18" s="158">
        <v>11</v>
      </c>
      <c r="Q18" s="30">
        <v>-31.67</v>
      </c>
    </row>
    <row r="19" spans="1:17" ht="19.5" customHeight="1" x14ac:dyDescent="0.15">
      <c r="A19" s="153">
        <v>14</v>
      </c>
      <c r="B19" s="114" t="s">
        <v>31</v>
      </c>
      <c r="C19" s="128">
        <v>21250</v>
      </c>
      <c r="D19" s="154">
        <v>10</v>
      </c>
      <c r="E19" s="25">
        <v>5.13</v>
      </c>
      <c r="F19" s="128">
        <v>20771</v>
      </c>
      <c r="G19" s="154">
        <v>8</v>
      </c>
      <c r="H19" s="25">
        <v>-2.25</v>
      </c>
      <c r="I19" s="155">
        <v>22222</v>
      </c>
      <c r="J19" s="156">
        <v>4</v>
      </c>
      <c r="K19" s="28">
        <v>6.99</v>
      </c>
      <c r="L19" s="26">
        <v>14898</v>
      </c>
      <c r="M19" s="157">
        <v>9</v>
      </c>
      <c r="N19" s="29">
        <v>-32.96</v>
      </c>
      <c r="O19" s="22">
        <v>13816</v>
      </c>
      <c r="P19" s="158">
        <v>10</v>
      </c>
      <c r="Q19" s="30">
        <v>-7.26</v>
      </c>
    </row>
    <row r="20" spans="1:17" ht="19.5" customHeight="1" x14ac:dyDescent="0.15">
      <c r="A20" s="153">
        <v>15</v>
      </c>
      <c r="B20" s="114" t="s">
        <v>32</v>
      </c>
      <c r="C20" s="128">
        <v>21097</v>
      </c>
      <c r="D20" s="154">
        <v>11</v>
      </c>
      <c r="E20" s="25">
        <v>3.27</v>
      </c>
      <c r="F20" s="128">
        <v>22295</v>
      </c>
      <c r="G20" s="154">
        <v>7</v>
      </c>
      <c r="H20" s="25">
        <v>5.68</v>
      </c>
      <c r="I20" s="155">
        <v>12584</v>
      </c>
      <c r="J20" s="156">
        <v>16</v>
      </c>
      <c r="K20" s="28">
        <v>-43.56</v>
      </c>
      <c r="L20" s="26">
        <v>6201</v>
      </c>
      <c r="M20" s="157">
        <v>19</v>
      </c>
      <c r="N20" s="29">
        <v>-50.72</v>
      </c>
      <c r="O20" s="22">
        <v>11515</v>
      </c>
      <c r="P20" s="158">
        <v>12</v>
      </c>
      <c r="Q20" s="30">
        <v>85.7</v>
      </c>
    </row>
    <row r="21" spans="1:17" ht="19.5" customHeight="1" x14ac:dyDescent="0.15">
      <c r="A21" s="153">
        <v>16</v>
      </c>
      <c r="B21" s="114" t="s">
        <v>33</v>
      </c>
      <c r="C21" s="128">
        <v>18212</v>
      </c>
      <c r="D21" s="154">
        <v>15</v>
      </c>
      <c r="E21" s="25">
        <v>57.31</v>
      </c>
      <c r="F21" s="128">
        <v>23241</v>
      </c>
      <c r="G21" s="154">
        <v>6</v>
      </c>
      <c r="H21" s="25">
        <v>27.61</v>
      </c>
      <c r="I21" s="155">
        <v>19102</v>
      </c>
      <c r="J21" s="156">
        <v>8</v>
      </c>
      <c r="K21" s="28">
        <v>-17.809999999999999</v>
      </c>
      <c r="L21" s="26">
        <v>23002</v>
      </c>
      <c r="M21" s="157">
        <v>1</v>
      </c>
      <c r="N21" s="29">
        <v>20.420000000000002</v>
      </c>
      <c r="O21" s="22">
        <v>20473</v>
      </c>
      <c r="P21" s="158">
        <v>4</v>
      </c>
      <c r="Q21" s="30">
        <v>-10.99</v>
      </c>
    </row>
    <row r="22" spans="1:17" ht="19.5" customHeight="1" x14ac:dyDescent="0.15">
      <c r="A22" s="153">
        <v>17</v>
      </c>
      <c r="B22" s="114" t="s">
        <v>34</v>
      </c>
      <c r="C22" s="128">
        <v>29201</v>
      </c>
      <c r="D22" s="154">
        <v>3</v>
      </c>
      <c r="E22" s="25">
        <v>-5.17</v>
      </c>
      <c r="F22" s="128">
        <v>33459</v>
      </c>
      <c r="G22" s="154">
        <v>1</v>
      </c>
      <c r="H22" s="25">
        <v>14.58</v>
      </c>
      <c r="I22" s="155">
        <v>32441</v>
      </c>
      <c r="J22" s="156">
        <v>2</v>
      </c>
      <c r="K22" s="28">
        <v>-3.04</v>
      </c>
      <c r="L22" s="26">
        <v>22446</v>
      </c>
      <c r="M22" s="157">
        <v>3</v>
      </c>
      <c r="N22" s="29">
        <v>-30.81</v>
      </c>
      <c r="O22" s="22">
        <v>20516</v>
      </c>
      <c r="P22" s="158">
        <v>3</v>
      </c>
      <c r="Q22" s="30">
        <v>-8.6</v>
      </c>
    </row>
    <row r="23" spans="1:17" ht="19.5" customHeight="1" x14ac:dyDescent="0.15">
      <c r="A23" s="153">
        <v>18</v>
      </c>
      <c r="B23" s="114" t="s">
        <v>35</v>
      </c>
      <c r="C23" s="128">
        <v>750</v>
      </c>
      <c r="D23" s="154">
        <v>30</v>
      </c>
      <c r="E23" s="25">
        <v>4.75</v>
      </c>
      <c r="F23" s="128">
        <v>597</v>
      </c>
      <c r="G23" s="154">
        <v>30</v>
      </c>
      <c r="H23" s="25">
        <v>-20.399999999999999</v>
      </c>
      <c r="I23" s="155">
        <v>786</v>
      </c>
      <c r="J23" s="156">
        <v>27</v>
      </c>
      <c r="K23" s="28">
        <v>31.66</v>
      </c>
      <c r="L23" s="26">
        <v>833</v>
      </c>
      <c r="M23" s="157">
        <v>25</v>
      </c>
      <c r="N23" s="29">
        <v>5.98</v>
      </c>
      <c r="O23" s="22">
        <v>629</v>
      </c>
      <c r="P23" s="158">
        <v>25</v>
      </c>
      <c r="Q23" s="30">
        <v>-24.49</v>
      </c>
    </row>
    <row r="24" spans="1:17" ht="19.5" customHeight="1" x14ac:dyDescent="0.15">
      <c r="A24" s="153">
        <v>19</v>
      </c>
      <c r="B24" s="114" t="s">
        <v>36</v>
      </c>
      <c r="C24" s="129">
        <v>7158</v>
      </c>
      <c r="D24" s="159">
        <v>28</v>
      </c>
      <c r="E24" s="35">
        <v>3.19</v>
      </c>
      <c r="F24" s="129">
        <v>7548</v>
      </c>
      <c r="G24" s="159">
        <v>25</v>
      </c>
      <c r="H24" s="35">
        <v>5.45</v>
      </c>
      <c r="I24" s="160">
        <v>7960</v>
      </c>
      <c r="J24" s="161">
        <v>22</v>
      </c>
      <c r="K24" s="38">
        <v>5.46</v>
      </c>
      <c r="L24" s="36">
        <v>10705</v>
      </c>
      <c r="M24" s="162">
        <v>14</v>
      </c>
      <c r="N24" s="39">
        <v>34.479999999999997</v>
      </c>
      <c r="O24" s="22">
        <v>8717</v>
      </c>
      <c r="P24" s="163">
        <v>14</v>
      </c>
      <c r="Q24" s="30">
        <v>-18.57</v>
      </c>
    </row>
    <row r="25" spans="1:17" ht="19.5" customHeight="1" x14ac:dyDescent="0.15">
      <c r="A25" s="164">
        <v>20</v>
      </c>
      <c r="B25" s="114" t="s">
        <v>37</v>
      </c>
      <c r="C25" s="128">
        <v>9733</v>
      </c>
      <c r="D25" s="154">
        <v>25</v>
      </c>
      <c r="E25" s="25">
        <v>12.96</v>
      </c>
      <c r="F25" s="128">
        <v>11050</v>
      </c>
      <c r="G25" s="154">
        <v>20</v>
      </c>
      <c r="H25" s="25">
        <v>13.53</v>
      </c>
      <c r="I25" s="155">
        <v>9891</v>
      </c>
      <c r="J25" s="156">
        <v>19</v>
      </c>
      <c r="K25" s="28">
        <v>-10.49</v>
      </c>
      <c r="L25" s="26">
        <v>3517</v>
      </c>
      <c r="M25" s="157">
        <v>23</v>
      </c>
      <c r="N25" s="29">
        <v>-64.44</v>
      </c>
      <c r="O25" s="22">
        <v>2433</v>
      </c>
      <c r="P25" s="158">
        <v>23</v>
      </c>
      <c r="Q25" s="30">
        <v>-30.82</v>
      </c>
    </row>
    <row r="26" spans="1:17" ht="19.5" customHeight="1" x14ac:dyDescent="0.15">
      <c r="A26" s="164">
        <v>21</v>
      </c>
      <c r="B26" s="114" t="s">
        <v>38</v>
      </c>
      <c r="C26" s="128">
        <v>9877</v>
      </c>
      <c r="D26" s="154">
        <v>24</v>
      </c>
      <c r="E26" s="25">
        <v>-43.69</v>
      </c>
      <c r="F26" s="128">
        <v>10715</v>
      </c>
      <c r="G26" s="154">
        <v>21</v>
      </c>
      <c r="H26" s="25">
        <v>8.48</v>
      </c>
      <c r="I26" s="155">
        <v>14254</v>
      </c>
      <c r="J26" s="156">
        <v>14</v>
      </c>
      <c r="K26" s="28">
        <v>33.03</v>
      </c>
      <c r="L26" s="26">
        <v>22852</v>
      </c>
      <c r="M26" s="157">
        <v>2</v>
      </c>
      <c r="N26" s="29">
        <v>60.32</v>
      </c>
      <c r="O26" s="22">
        <v>18004</v>
      </c>
      <c r="P26" s="158">
        <v>5</v>
      </c>
      <c r="Q26" s="30">
        <v>-21.21</v>
      </c>
    </row>
    <row r="27" spans="1:17" ht="19.5" customHeight="1" x14ac:dyDescent="0.15">
      <c r="A27" s="164">
        <v>22</v>
      </c>
      <c r="B27" s="114" t="s">
        <v>39</v>
      </c>
      <c r="C27" s="128">
        <v>15657</v>
      </c>
      <c r="D27" s="154">
        <v>18</v>
      </c>
      <c r="E27" s="25">
        <v>0.47</v>
      </c>
      <c r="F27" s="128">
        <v>26406</v>
      </c>
      <c r="G27" s="154">
        <v>2</v>
      </c>
      <c r="H27" s="25">
        <v>68.650000000000006</v>
      </c>
      <c r="I27" s="155">
        <v>10826</v>
      </c>
      <c r="J27" s="156">
        <v>17</v>
      </c>
      <c r="K27" s="28">
        <v>-59</v>
      </c>
      <c r="L27" s="26">
        <v>5858</v>
      </c>
      <c r="M27" s="157">
        <v>20</v>
      </c>
      <c r="N27" s="29">
        <v>-45.89</v>
      </c>
      <c r="O27" s="22">
        <v>3978</v>
      </c>
      <c r="P27" s="158">
        <v>21</v>
      </c>
      <c r="Q27" s="30">
        <v>-32.090000000000003</v>
      </c>
    </row>
    <row r="28" spans="1:17" ht="19.5" customHeight="1" x14ac:dyDescent="0.15">
      <c r="A28" s="153">
        <v>23</v>
      </c>
      <c r="B28" s="114" t="s">
        <v>40</v>
      </c>
      <c r="C28" s="128">
        <v>293</v>
      </c>
      <c r="D28" s="154">
        <v>31</v>
      </c>
      <c r="E28" s="25">
        <v>-19.510000000000002</v>
      </c>
      <c r="F28" s="128">
        <v>0</v>
      </c>
      <c r="G28" s="165">
        <v>31</v>
      </c>
      <c r="H28" s="166" t="s">
        <v>47</v>
      </c>
      <c r="I28" s="167">
        <v>0</v>
      </c>
      <c r="J28" s="168">
        <v>28</v>
      </c>
      <c r="K28" s="169" t="s">
        <v>47</v>
      </c>
      <c r="L28" s="167">
        <v>0</v>
      </c>
      <c r="M28" s="170">
        <v>26</v>
      </c>
      <c r="N28" s="171" t="s">
        <v>47</v>
      </c>
      <c r="O28" s="22">
        <v>0</v>
      </c>
      <c r="P28" s="158">
        <v>26</v>
      </c>
      <c r="Q28" s="172" t="s">
        <v>72</v>
      </c>
    </row>
    <row r="29" spans="1:17" ht="19.5" customHeight="1" x14ac:dyDescent="0.15">
      <c r="A29" s="153">
        <v>24</v>
      </c>
      <c r="B29" s="114" t="s">
        <v>41</v>
      </c>
      <c r="C29" s="128">
        <v>22234</v>
      </c>
      <c r="D29" s="154">
        <v>7</v>
      </c>
      <c r="E29" s="25">
        <v>48.17</v>
      </c>
      <c r="F29" s="128">
        <v>20711</v>
      </c>
      <c r="G29" s="154">
        <v>9</v>
      </c>
      <c r="H29" s="25">
        <v>-6.85</v>
      </c>
      <c r="I29" s="155">
        <v>21937</v>
      </c>
      <c r="J29" s="156">
        <v>5</v>
      </c>
      <c r="K29" s="28">
        <v>5.92</v>
      </c>
      <c r="L29" s="26">
        <v>13451</v>
      </c>
      <c r="M29" s="157">
        <v>11</v>
      </c>
      <c r="N29" s="29">
        <v>-38.68</v>
      </c>
      <c r="O29" s="22">
        <v>6467</v>
      </c>
      <c r="P29" s="158">
        <v>16</v>
      </c>
      <c r="Q29" s="30">
        <v>-51.92</v>
      </c>
    </row>
    <row r="30" spans="1:17" ht="19.5" customHeight="1" x14ac:dyDescent="0.15">
      <c r="A30" s="153">
        <v>25</v>
      </c>
      <c r="B30" s="114" t="s">
        <v>42</v>
      </c>
      <c r="C30" s="128">
        <v>5745</v>
      </c>
      <c r="D30" s="154">
        <v>29</v>
      </c>
      <c r="E30" s="25">
        <v>5.32</v>
      </c>
      <c r="F30" s="128">
        <v>4484</v>
      </c>
      <c r="G30" s="154">
        <v>27</v>
      </c>
      <c r="H30" s="25">
        <v>-21.95</v>
      </c>
      <c r="I30" s="155">
        <v>4829</v>
      </c>
      <c r="J30" s="156">
        <v>23</v>
      </c>
      <c r="K30" s="28">
        <v>7.69</v>
      </c>
      <c r="L30" s="26">
        <v>0</v>
      </c>
      <c r="M30" s="157">
        <v>26</v>
      </c>
      <c r="N30" s="29">
        <v>-100</v>
      </c>
      <c r="O30" s="22">
        <v>0</v>
      </c>
      <c r="P30" s="158">
        <v>26</v>
      </c>
      <c r="Q30" s="172" t="s">
        <v>72</v>
      </c>
    </row>
    <row r="31" spans="1:17" ht="19.5" customHeight="1" x14ac:dyDescent="0.15">
      <c r="A31" s="153">
        <v>26</v>
      </c>
      <c r="B31" s="114" t="s">
        <v>43</v>
      </c>
      <c r="C31" s="128">
        <v>9413</v>
      </c>
      <c r="D31" s="154">
        <v>26</v>
      </c>
      <c r="E31" s="25">
        <v>3.13</v>
      </c>
      <c r="F31" s="128">
        <v>6680</v>
      </c>
      <c r="G31" s="154">
        <v>26</v>
      </c>
      <c r="H31" s="25">
        <v>-29.03</v>
      </c>
      <c r="I31" s="155">
        <v>3593</v>
      </c>
      <c r="J31" s="156">
        <v>26</v>
      </c>
      <c r="K31" s="28">
        <v>-46.21</v>
      </c>
      <c r="L31" s="26">
        <v>0</v>
      </c>
      <c r="M31" s="157">
        <v>26</v>
      </c>
      <c r="N31" s="29">
        <v>-100</v>
      </c>
      <c r="O31" s="22">
        <v>0</v>
      </c>
      <c r="P31" s="158">
        <v>26</v>
      </c>
      <c r="Q31" s="172" t="s">
        <v>72</v>
      </c>
    </row>
    <row r="32" spans="1:17" ht="19.5" customHeight="1" x14ac:dyDescent="0.15">
      <c r="A32" s="153">
        <v>27</v>
      </c>
      <c r="B32" s="114" t="s">
        <v>44</v>
      </c>
      <c r="C32" s="128">
        <v>14014</v>
      </c>
      <c r="D32" s="154">
        <v>21</v>
      </c>
      <c r="E32" s="25">
        <v>136.08000000000001</v>
      </c>
      <c r="F32" s="128">
        <v>15761</v>
      </c>
      <c r="G32" s="154">
        <v>14</v>
      </c>
      <c r="H32" s="25">
        <v>12.47</v>
      </c>
      <c r="I32" s="155">
        <v>0</v>
      </c>
      <c r="J32" s="156">
        <v>28</v>
      </c>
      <c r="K32" s="173" t="s">
        <v>47</v>
      </c>
      <c r="L32" s="26">
        <v>0</v>
      </c>
      <c r="M32" s="157">
        <v>26</v>
      </c>
      <c r="N32" s="174" t="s">
        <v>47</v>
      </c>
      <c r="O32" s="22">
        <v>0</v>
      </c>
      <c r="P32" s="158">
        <v>26</v>
      </c>
      <c r="Q32" s="172" t="s">
        <v>72</v>
      </c>
    </row>
    <row r="33" spans="1:17" ht="19.5" customHeight="1" x14ac:dyDescent="0.15">
      <c r="A33" s="153">
        <v>28</v>
      </c>
      <c r="B33" s="114" t="s">
        <v>45</v>
      </c>
      <c r="C33" s="128">
        <v>16168</v>
      </c>
      <c r="D33" s="154">
        <v>17</v>
      </c>
      <c r="E33" s="25">
        <v>15.21</v>
      </c>
      <c r="F33" s="128">
        <v>9775</v>
      </c>
      <c r="G33" s="154">
        <v>22</v>
      </c>
      <c r="H33" s="25">
        <v>-39.54</v>
      </c>
      <c r="I33" s="155">
        <v>10117</v>
      </c>
      <c r="J33" s="156">
        <v>18</v>
      </c>
      <c r="K33" s="28">
        <v>3.5</v>
      </c>
      <c r="L33" s="26">
        <v>1953</v>
      </c>
      <c r="M33" s="157">
        <v>24</v>
      </c>
      <c r="N33" s="29">
        <v>-80.7</v>
      </c>
      <c r="O33" s="22">
        <v>2073</v>
      </c>
      <c r="P33" s="158">
        <v>24</v>
      </c>
      <c r="Q33" s="30">
        <v>6.14</v>
      </c>
    </row>
    <row r="34" spans="1:17" ht="19.5" customHeight="1" x14ac:dyDescent="0.15">
      <c r="A34" s="153">
        <v>29</v>
      </c>
      <c r="B34" s="114" t="s">
        <v>46</v>
      </c>
      <c r="C34" s="128">
        <v>34218</v>
      </c>
      <c r="D34" s="154">
        <v>1</v>
      </c>
      <c r="E34" s="25">
        <v>1397.51</v>
      </c>
      <c r="F34" s="128">
        <v>2344</v>
      </c>
      <c r="G34" s="154">
        <v>29</v>
      </c>
      <c r="H34" s="25">
        <v>-93.15</v>
      </c>
      <c r="I34" s="155">
        <v>0</v>
      </c>
      <c r="J34" s="156">
        <v>28</v>
      </c>
      <c r="K34" s="28">
        <v>-100</v>
      </c>
      <c r="L34" s="26">
        <v>0</v>
      </c>
      <c r="M34" s="157">
        <v>26</v>
      </c>
      <c r="N34" s="174" t="s">
        <v>47</v>
      </c>
      <c r="O34" s="22">
        <v>0</v>
      </c>
      <c r="P34" s="158">
        <v>26</v>
      </c>
      <c r="Q34" s="172" t="s">
        <v>72</v>
      </c>
    </row>
    <row r="35" spans="1:17" ht="19.5" customHeight="1" x14ac:dyDescent="0.15">
      <c r="A35" s="153">
        <v>30</v>
      </c>
      <c r="B35" s="114" t="s">
        <v>48</v>
      </c>
      <c r="C35" s="130">
        <v>0</v>
      </c>
      <c r="D35" s="175">
        <v>32</v>
      </c>
      <c r="E35" s="176" t="s">
        <v>47</v>
      </c>
      <c r="F35" s="130">
        <v>0</v>
      </c>
      <c r="G35" s="175">
        <v>31</v>
      </c>
      <c r="H35" s="176" t="s">
        <v>47</v>
      </c>
      <c r="I35" s="167">
        <v>0</v>
      </c>
      <c r="J35" s="168">
        <v>28</v>
      </c>
      <c r="K35" s="177" t="s">
        <v>47</v>
      </c>
      <c r="L35" s="178">
        <v>0</v>
      </c>
      <c r="M35" s="170">
        <v>26</v>
      </c>
      <c r="N35" s="171" t="s">
        <v>47</v>
      </c>
      <c r="O35" s="22">
        <v>0</v>
      </c>
      <c r="P35" s="158">
        <v>26</v>
      </c>
      <c r="Q35" s="172" t="s">
        <v>72</v>
      </c>
    </row>
    <row r="36" spans="1:17" ht="19.5" customHeight="1" x14ac:dyDescent="0.15">
      <c r="A36" s="153">
        <v>31</v>
      </c>
      <c r="B36" s="114" t="s">
        <v>49</v>
      </c>
      <c r="C36" s="130">
        <v>0</v>
      </c>
      <c r="D36" s="175">
        <v>32</v>
      </c>
      <c r="E36" s="176" t="s">
        <v>47</v>
      </c>
      <c r="F36" s="130">
        <v>0</v>
      </c>
      <c r="G36" s="175">
        <v>31</v>
      </c>
      <c r="H36" s="176" t="s">
        <v>47</v>
      </c>
      <c r="I36" s="167">
        <v>0</v>
      </c>
      <c r="J36" s="168">
        <v>28</v>
      </c>
      <c r="K36" s="177" t="s">
        <v>47</v>
      </c>
      <c r="L36" s="178">
        <v>0</v>
      </c>
      <c r="M36" s="170">
        <v>26</v>
      </c>
      <c r="N36" s="171" t="s">
        <v>47</v>
      </c>
      <c r="O36" s="22">
        <v>0</v>
      </c>
      <c r="P36" s="158">
        <v>26</v>
      </c>
      <c r="Q36" s="172" t="s">
        <v>72</v>
      </c>
    </row>
    <row r="37" spans="1:17" ht="19.5" customHeight="1" x14ac:dyDescent="0.15">
      <c r="A37" s="153">
        <v>32</v>
      </c>
      <c r="B37" s="114" t="s">
        <v>50</v>
      </c>
      <c r="C37" s="128">
        <v>33654</v>
      </c>
      <c r="D37" s="154">
        <v>2</v>
      </c>
      <c r="E37" s="179">
        <v>33.369999999999997</v>
      </c>
      <c r="F37" s="128">
        <v>25122</v>
      </c>
      <c r="G37" s="154">
        <v>4</v>
      </c>
      <c r="H37" s="25">
        <v>-25.35</v>
      </c>
      <c r="I37" s="155">
        <v>17397</v>
      </c>
      <c r="J37" s="156">
        <v>10</v>
      </c>
      <c r="K37" s="28">
        <v>-30.75</v>
      </c>
      <c r="L37" s="26">
        <v>11091</v>
      </c>
      <c r="M37" s="157">
        <v>13</v>
      </c>
      <c r="N37" s="29">
        <v>-36.25</v>
      </c>
      <c r="O37" s="22">
        <v>16500</v>
      </c>
      <c r="P37" s="158">
        <v>6</v>
      </c>
      <c r="Q37" s="30">
        <v>48.77</v>
      </c>
    </row>
    <row r="38" spans="1:17" ht="19.5" customHeight="1" thickBot="1" x14ac:dyDescent="0.2">
      <c r="A38" s="153">
        <v>33</v>
      </c>
      <c r="B38" s="114" t="s">
        <v>51</v>
      </c>
      <c r="C38" s="131">
        <v>9130</v>
      </c>
      <c r="D38" s="180">
        <v>27</v>
      </c>
      <c r="E38" s="181" t="s">
        <v>47</v>
      </c>
      <c r="F38" s="131">
        <v>14755</v>
      </c>
      <c r="G38" s="180">
        <v>17</v>
      </c>
      <c r="H38" s="181" t="s">
        <v>47</v>
      </c>
      <c r="I38" s="182">
        <v>0</v>
      </c>
      <c r="J38" s="183">
        <v>28</v>
      </c>
      <c r="K38" s="184" t="s">
        <v>47</v>
      </c>
      <c r="L38" s="185">
        <v>0</v>
      </c>
      <c r="M38" s="186">
        <v>26</v>
      </c>
      <c r="N38" s="187" t="s">
        <v>47</v>
      </c>
      <c r="O38" s="22">
        <v>0</v>
      </c>
      <c r="P38" s="158">
        <v>26</v>
      </c>
      <c r="Q38" s="172" t="s">
        <v>72</v>
      </c>
    </row>
    <row r="39" spans="1:17" ht="19.5" hidden="1" customHeight="1" thickTop="1" x14ac:dyDescent="0.15">
      <c r="A39" s="153">
        <v>34</v>
      </c>
      <c r="B39" s="125" t="s">
        <v>52</v>
      </c>
      <c r="C39" s="132"/>
      <c r="D39" s="188"/>
      <c r="E39" s="189"/>
      <c r="F39" s="132" t="s">
        <v>47</v>
      </c>
      <c r="G39" s="188" t="s">
        <v>47</v>
      </c>
      <c r="H39" s="189" t="s">
        <v>47</v>
      </c>
      <c r="I39" s="190" t="s">
        <v>47</v>
      </c>
      <c r="J39" s="191" t="s">
        <v>47</v>
      </c>
      <c r="K39" s="192" t="s">
        <v>47</v>
      </c>
      <c r="L39" s="193" t="s">
        <v>47</v>
      </c>
      <c r="M39" s="194" t="s">
        <v>47</v>
      </c>
      <c r="N39" s="195" t="s">
        <v>47</v>
      </c>
      <c r="O39" s="196" t="s">
        <v>47</v>
      </c>
      <c r="P39" s="197" t="s">
        <v>47</v>
      </c>
      <c r="Q39" s="198" t="s">
        <v>47</v>
      </c>
    </row>
    <row r="40" spans="1:17" ht="19.5" hidden="1" customHeight="1" x14ac:dyDescent="0.15">
      <c r="A40" s="153">
        <v>35</v>
      </c>
      <c r="B40" s="125" t="s">
        <v>54</v>
      </c>
      <c r="C40" s="133"/>
      <c r="D40" s="199"/>
      <c r="E40" s="200"/>
      <c r="F40" s="133" t="s">
        <v>73</v>
      </c>
      <c r="G40" s="199" t="s">
        <v>73</v>
      </c>
      <c r="H40" s="200" t="s">
        <v>73</v>
      </c>
      <c r="I40" s="201" t="s">
        <v>73</v>
      </c>
      <c r="J40" s="40" t="s">
        <v>73</v>
      </c>
      <c r="K40" s="202" t="s">
        <v>73</v>
      </c>
      <c r="L40" s="203" t="s">
        <v>73</v>
      </c>
      <c r="M40" s="204" t="s">
        <v>73</v>
      </c>
      <c r="N40" s="205" t="s">
        <v>73</v>
      </c>
      <c r="O40" s="196" t="s">
        <v>73</v>
      </c>
      <c r="P40" s="197" t="s">
        <v>73</v>
      </c>
      <c r="Q40" s="206" t="s">
        <v>73</v>
      </c>
    </row>
    <row r="41" spans="1:17" ht="19.5" hidden="1" customHeight="1" x14ac:dyDescent="0.15">
      <c r="A41" s="153">
        <v>36</v>
      </c>
      <c r="B41" s="125" t="s">
        <v>55</v>
      </c>
      <c r="C41" s="133"/>
      <c r="D41" s="199"/>
      <c r="E41" s="200"/>
      <c r="F41" s="133" t="s">
        <v>73</v>
      </c>
      <c r="G41" s="199" t="s">
        <v>73</v>
      </c>
      <c r="H41" s="200" t="s">
        <v>73</v>
      </c>
      <c r="I41" s="201" t="s">
        <v>73</v>
      </c>
      <c r="J41" s="40" t="s">
        <v>73</v>
      </c>
      <c r="K41" s="202" t="s">
        <v>73</v>
      </c>
      <c r="L41" s="203" t="s">
        <v>73</v>
      </c>
      <c r="M41" s="204" t="s">
        <v>73</v>
      </c>
      <c r="N41" s="205" t="s">
        <v>73</v>
      </c>
      <c r="O41" s="196" t="s">
        <v>73</v>
      </c>
      <c r="P41" s="197" t="s">
        <v>73</v>
      </c>
      <c r="Q41" s="206" t="s">
        <v>73</v>
      </c>
    </row>
    <row r="42" spans="1:17" ht="19.5" hidden="1" customHeight="1" thickBot="1" x14ac:dyDescent="0.2">
      <c r="A42" s="153">
        <v>37</v>
      </c>
      <c r="B42" s="126" t="s">
        <v>56</v>
      </c>
      <c r="C42" s="134"/>
      <c r="D42" s="207"/>
      <c r="E42" s="208"/>
      <c r="F42" s="134" t="s">
        <v>47</v>
      </c>
      <c r="G42" s="207" t="s">
        <v>47</v>
      </c>
      <c r="H42" s="208" t="s">
        <v>47</v>
      </c>
      <c r="I42" s="209" t="s">
        <v>47</v>
      </c>
      <c r="J42" s="210" t="s">
        <v>47</v>
      </c>
      <c r="K42" s="211" t="s">
        <v>47</v>
      </c>
      <c r="L42" s="212" t="s">
        <v>47</v>
      </c>
      <c r="M42" s="213" t="s">
        <v>47</v>
      </c>
      <c r="N42" s="214" t="s">
        <v>47</v>
      </c>
      <c r="O42" s="127" t="s">
        <v>47</v>
      </c>
      <c r="P42" s="121" t="s">
        <v>47</v>
      </c>
      <c r="Q42" s="215" t="s">
        <v>47</v>
      </c>
    </row>
    <row r="43" spans="1:17" ht="19.5" customHeight="1" thickTop="1" thickBot="1" x14ac:dyDescent="0.2">
      <c r="A43" s="254" t="s">
        <v>74</v>
      </c>
      <c r="B43" s="255"/>
      <c r="C43" s="135">
        <v>19667</v>
      </c>
      <c r="D43" s="216" t="s">
        <v>47</v>
      </c>
      <c r="E43" s="217">
        <v>6.75</v>
      </c>
      <c r="F43" s="135">
        <v>16671</v>
      </c>
      <c r="G43" s="216" t="s">
        <v>47</v>
      </c>
      <c r="H43" s="94">
        <v>-15.23</v>
      </c>
      <c r="I43" s="218">
        <v>16141</v>
      </c>
      <c r="J43" s="98" t="s">
        <v>47</v>
      </c>
      <c r="K43" s="97">
        <v>-3.18</v>
      </c>
      <c r="L43" s="95">
        <v>13963</v>
      </c>
      <c r="M43" s="98" t="s">
        <v>47</v>
      </c>
      <c r="N43" s="99">
        <v>-13.49</v>
      </c>
      <c r="O43" s="91">
        <v>13036</v>
      </c>
      <c r="P43" s="55" t="s">
        <v>47</v>
      </c>
      <c r="Q43" s="63">
        <v>-6.64</v>
      </c>
    </row>
    <row r="44" spans="1:17" ht="19.5" customHeight="1" thickTop="1" thickBot="1" x14ac:dyDescent="0.2">
      <c r="A44" s="254" t="s">
        <v>75</v>
      </c>
      <c r="B44" s="255"/>
      <c r="C44" s="136">
        <v>13219</v>
      </c>
      <c r="D44" s="219" t="s">
        <v>47</v>
      </c>
      <c r="E44" s="220">
        <v>36.450000000000003</v>
      </c>
      <c r="F44" s="136">
        <v>11517</v>
      </c>
      <c r="G44" s="219" t="s">
        <v>47</v>
      </c>
      <c r="H44" s="85">
        <v>-12.88</v>
      </c>
      <c r="I44" s="221">
        <v>7787</v>
      </c>
      <c r="J44" s="222" t="s">
        <v>47</v>
      </c>
      <c r="K44" s="88">
        <v>-32.39</v>
      </c>
      <c r="L44" s="86">
        <v>4606</v>
      </c>
      <c r="M44" s="222" t="s">
        <v>47</v>
      </c>
      <c r="N44" s="89">
        <v>-40.85</v>
      </c>
      <c r="O44" s="223">
        <v>4585</v>
      </c>
      <c r="P44" s="224" t="s">
        <v>47</v>
      </c>
      <c r="Q44" s="100">
        <v>-0.46</v>
      </c>
    </row>
    <row r="45" spans="1:17" ht="19.5" customHeight="1" thickTop="1" thickBot="1" x14ac:dyDescent="0.2">
      <c r="A45" s="256" t="s">
        <v>76</v>
      </c>
      <c r="B45" s="257"/>
      <c r="C45" s="137">
        <v>19417</v>
      </c>
      <c r="D45" s="225" t="s">
        <v>47</v>
      </c>
      <c r="E45" s="226">
        <v>7.41</v>
      </c>
      <c r="F45" s="137">
        <v>16475</v>
      </c>
      <c r="G45" s="225" t="s">
        <v>47</v>
      </c>
      <c r="H45" s="227">
        <v>-15.15</v>
      </c>
      <c r="I45" s="228">
        <v>15812</v>
      </c>
      <c r="J45" s="229" t="s">
        <v>47</v>
      </c>
      <c r="K45" s="230">
        <v>-4.0199999999999996</v>
      </c>
      <c r="L45" s="231">
        <v>13596</v>
      </c>
      <c r="M45" s="229" t="s">
        <v>47</v>
      </c>
      <c r="N45" s="232">
        <v>-14.01</v>
      </c>
      <c r="O45" s="102">
        <v>12705</v>
      </c>
      <c r="P45" s="103" t="s">
        <v>47</v>
      </c>
      <c r="Q45" s="233">
        <v>-6.55</v>
      </c>
    </row>
    <row r="46" spans="1:17" ht="16.5" customHeight="1" x14ac:dyDescent="0.15"/>
    <row r="47" spans="1:17" ht="16.5" customHeight="1" x14ac:dyDescent="0.15"/>
    <row r="48" spans="1:17" ht="16.5" customHeight="1" x14ac:dyDescent="0.15"/>
    <row r="49" ht="16.5" customHeight="1" x14ac:dyDescent="0.15"/>
    <row r="50" ht="16.5" customHeight="1" x14ac:dyDescent="0.15"/>
    <row r="51" ht="16.5" customHeight="1" x14ac:dyDescent="0.15"/>
  </sheetData>
  <mergeCells count="9">
    <mergeCell ref="L3:N3"/>
    <mergeCell ref="O3:Q3"/>
    <mergeCell ref="A43:B43"/>
    <mergeCell ref="A3:B5"/>
    <mergeCell ref="A44:B44"/>
    <mergeCell ref="A45:B45"/>
    <mergeCell ref="C3:E3"/>
    <mergeCell ref="F3:H3"/>
    <mergeCell ref="I3:K3"/>
  </mergeCells>
  <phoneticPr fontId="9"/>
  <printOptions horizontalCentered="1" gridLinesSet="0"/>
  <pageMargins left="0.39370078740157483" right="0.39370078740157483" top="0.59055118110236227" bottom="0.59055118110236227" header="0.51181102362204722" footer="0.51181102362204722"/>
  <pageSetup paperSize="9" scale="85" orientation="portrait" blackAndWhite="1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2</vt:i4>
      </vt:variant>
      <vt:variant>
        <vt:lpstr>名前付き一覧</vt:lpstr>
      </vt:variant>
      <vt:variant>
        <vt:i4>2</vt:i4>
      </vt:variant>
    </vt:vector>
  </HeadingPairs>
  <TitlesOfParts>
    <vt:vector size="4" baseType="lpstr">
      <vt:lpstr>一人当たりの保健事業の推移</vt:lpstr>
      <vt:lpstr>一人当たり一般会計繰入金（その他）の推移</vt:lpstr>
      <vt:lpstr>一人当たりの保健事業の推移!Print_Area</vt:lpstr>
      <vt:lpstr>'一人当たり一般会計繰入金（その他）の推移'!Print_Area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user</cp:lastModifiedBy>
  <dcterms:created xsi:type="dcterms:W3CDTF">2021-10-29T07:19:56Z</dcterms:created>
  <dcterms:modified xsi:type="dcterms:W3CDTF">2021-10-29T08:19:09Z</dcterms:modified>
</cp:coreProperties>
</file>